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2090" yWindow="30" windowWidth="7800" windowHeight="7740" tabRatio="976"/>
  </bookViews>
  <sheets>
    <sheet name="7(1)" sheetId="13" r:id="rId1"/>
  </sheets>
  <definedNames>
    <definedName name="_xlnm.Print_Area" localSheetId="0">'7(1)'!$A$1:$X$88</definedName>
  </definedNames>
  <calcPr calcId="162913"/>
</workbook>
</file>

<file path=xl/sharedStrings.xml><?xml version="1.0" encoding="utf-8"?>
<sst xmlns="http://schemas.openxmlformats.org/spreadsheetml/2006/main" count="570" uniqueCount="109">
  <si>
    <t>飛砂防備</t>
  </si>
  <si>
    <t>潮害防備</t>
  </si>
  <si>
    <t>干害防備</t>
  </si>
  <si>
    <t>雪害防備</t>
  </si>
  <si>
    <t>落石防止</t>
  </si>
  <si>
    <t>航行目標</t>
  </si>
  <si>
    <t>（管内計）</t>
    <rPh sb="1" eb="3">
      <t>カンナイ</t>
    </rPh>
    <rPh sb="3" eb="4">
      <t>ケイ</t>
    </rPh>
    <phoneticPr fontId="1"/>
  </si>
  <si>
    <t>市町村</t>
    <rPh sb="0" eb="3">
      <t>シチョウソン</t>
    </rPh>
    <phoneticPr fontId="1"/>
  </si>
  <si>
    <t>水害防備</t>
    <rPh sb="0" eb="2">
      <t>スイガイ</t>
    </rPh>
    <rPh sb="2" eb="4">
      <t>ボウビ</t>
    </rPh>
    <phoneticPr fontId="1"/>
  </si>
  <si>
    <t>江の川下流</t>
    <rPh sb="0" eb="1">
      <t>ゴウ</t>
    </rPh>
    <rPh sb="2" eb="3">
      <t>カワ</t>
    </rPh>
    <rPh sb="3" eb="5">
      <t>カリュウ</t>
    </rPh>
    <phoneticPr fontId="1"/>
  </si>
  <si>
    <t>斐伊川</t>
    <rPh sb="0" eb="3">
      <t>ヒイカワ</t>
    </rPh>
    <phoneticPr fontId="1"/>
  </si>
  <si>
    <t>隠岐</t>
    <rPh sb="0" eb="2">
      <t>オキ</t>
    </rPh>
    <phoneticPr fontId="1"/>
  </si>
  <si>
    <t>高津川</t>
    <rPh sb="0" eb="2">
      <t>タカツ</t>
    </rPh>
    <rPh sb="2" eb="3">
      <t>ガワ</t>
    </rPh>
    <phoneticPr fontId="1"/>
  </si>
  <si>
    <t>旧市町村</t>
    <rPh sb="0" eb="1">
      <t>キュウ</t>
    </rPh>
    <rPh sb="1" eb="2">
      <t>シ</t>
    </rPh>
    <rPh sb="2" eb="3">
      <t>マチ</t>
    </rPh>
    <rPh sb="3" eb="4">
      <t>ムラ</t>
    </rPh>
    <phoneticPr fontId="1"/>
  </si>
  <si>
    <t>川本町</t>
    <rPh sb="0" eb="2">
      <t>カワモト</t>
    </rPh>
    <rPh sb="2" eb="3">
      <t>チョウ</t>
    </rPh>
    <phoneticPr fontId="1"/>
  </si>
  <si>
    <t>美郷町</t>
    <rPh sb="0" eb="3">
      <t>ミサトチョウ</t>
    </rPh>
    <phoneticPr fontId="1"/>
  </si>
  <si>
    <t>邑南町</t>
    <rPh sb="0" eb="1">
      <t>オウ</t>
    </rPh>
    <rPh sb="1" eb="3">
      <t>ナンチョウ</t>
    </rPh>
    <phoneticPr fontId="1"/>
  </si>
  <si>
    <t>大田市</t>
    <rPh sb="0" eb="3">
      <t>オオダシ</t>
    </rPh>
    <phoneticPr fontId="1"/>
  </si>
  <si>
    <t>浜田市</t>
    <rPh sb="0" eb="3">
      <t>ハマダシ</t>
    </rPh>
    <phoneticPr fontId="1"/>
  </si>
  <si>
    <t>江津市</t>
    <rPh sb="0" eb="3">
      <t>ゴウツシ</t>
    </rPh>
    <phoneticPr fontId="1"/>
  </si>
  <si>
    <t>松江市</t>
    <rPh sb="0" eb="3">
      <t>マツエシ</t>
    </rPh>
    <phoneticPr fontId="1"/>
  </si>
  <si>
    <t>安来市</t>
    <rPh sb="0" eb="3">
      <t>ヤスギシ</t>
    </rPh>
    <phoneticPr fontId="1"/>
  </si>
  <si>
    <t>雲南市</t>
    <rPh sb="0" eb="2">
      <t>ウンナン</t>
    </rPh>
    <rPh sb="2" eb="3">
      <t>シ</t>
    </rPh>
    <phoneticPr fontId="1"/>
  </si>
  <si>
    <t>飯南町</t>
    <rPh sb="0" eb="3">
      <t>イイナンチョウ</t>
    </rPh>
    <phoneticPr fontId="1"/>
  </si>
  <si>
    <t>出雲市</t>
    <rPh sb="0" eb="3">
      <t>イズモシ</t>
    </rPh>
    <phoneticPr fontId="1"/>
  </si>
  <si>
    <t>益田市</t>
    <rPh sb="0" eb="3">
      <t>マスダシ</t>
    </rPh>
    <phoneticPr fontId="1"/>
  </si>
  <si>
    <t>津和野町</t>
    <rPh sb="0" eb="4">
      <t>ツワノチョウ</t>
    </rPh>
    <phoneticPr fontId="1"/>
  </si>
  <si>
    <t>計</t>
    <rPh sb="0" eb="1">
      <t>ケイ</t>
    </rPh>
    <phoneticPr fontId="1"/>
  </si>
  <si>
    <t>隠岐の島町</t>
    <rPh sb="0" eb="2">
      <t>オキ</t>
    </rPh>
    <rPh sb="3" eb="4">
      <t>シマ</t>
    </rPh>
    <rPh sb="4" eb="5">
      <t>チョウ</t>
    </rPh>
    <phoneticPr fontId="1"/>
  </si>
  <si>
    <t>吉賀町</t>
    <rPh sb="0" eb="2">
      <t>ヨシガ</t>
    </rPh>
    <rPh sb="2" eb="3">
      <t>チョウ</t>
    </rPh>
    <phoneticPr fontId="1"/>
  </si>
  <si>
    <t>計画区</t>
    <phoneticPr fontId="1"/>
  </si>
  <si>
    <t>水源
かん養</t>
    <phoneticPr fontId="1"/>
  </si>
  <si>
    <t>土砂流出
防備</t>
    <rPh sb="0" eb="2">
      <t>ドシャ</t>
    </rPh>
    <rPh sb="2" eb="4">
      <t>リュウシュツ</t>
    </rPh>
    <phoneticPr fontId="1"/>
  </si>
  <si>
    <t>土砂崩壊
防備</t>
    <phoneticPr fontId="1"/>
  </si>
  <si>
    <t>防風</t>
    <rPh sb="0" eb="1">
      <t>ボウ</t>
    </rPh>
    <rPh sb="1" eb="2">
      <t>カゼ</t>
    </rPh>
    <phoneticPr fontId="1"/>
  </si>
  <si>
    <t>防霧</t>
    <phoneticPr fontId="1"/>
  </si>
  <si>
    <t>なだれ防止</t>
    <phoneticPr fontId="1"/>
  </si>
  <si>
    <t>防火</t>
    <phoneticPr fontId="1"/>
  </si>
  <si>
    <t>魚つき</t>
    <phoneticPr fontId="1"/>
  </si>
  <si>
    <t>保健</t>
    <phoneticPr fontId="1"/>
  </si>
  <si>
    <t>風致</t>
    <phoneticPr fontId="1"/>
  </si>
  <si>
    <t>総数</t>
    <rPh sb="0" eb="1">
      <t>フサ</t>
    </rPh>
    <rPh sb="1" eb="2">
      <t>カズ</t>
    </rPh>
    <phoneticPr fontId="1"/>
  </si>
  <si>
    <t>旧市町村</t>
    <rPh sb="0" eb="1">
      <t>キュウ</t>
    </rPh>
    <rPh sb="1" eb="4">
      <t>シチョウソン</t>
    </rPh>
    <phoneticPr fontId="1"/>
  </si>
  <si>
    <t>邑南町</t>
    <rPh sb="0" eb="3">
      <t>オオナンチョウ</t>
    </rPh>
    <phoneticPr fontId="1"/>
  </si>
  <si>
    <t>奥出雲町</t>
    <rPh sb="0" eb="1">
      <t>オク</t>
    </rPh>
    <rPh sb="1" eb="4">
      <t>イズモチョウ</t>
    </rPh>
    <phoneticPr fontId="1"/>
  </si>
  <si>
    <t>海士町</t>
    <rPh sb="0" eb="2">
      <t>アマ</t>
    </rPh>
    <rPh sb="2" eb="3">
      <t>チョウ</t>
    </rPh>
    <phoneticPr fontId="1"/>
  </si>
  <si>
    <t>西ノ島町</t>
    <rPh sb="0" eb="3">
      <t>ニシノシマ</t>
    </rPh>
    <rPh sb="3" eb="4">
      <t>マチ</t>
    </rPh>
    <phoneticPr fontId="1"/>
  </si>
  <si>
    <t>知夫村</t>
    <rPh sb="0" eb="2">
      <t>チブ</t>
    </rPh>
    <rPh sb="2" eb="3">
      <t>ムラ</t>
    </rPh>
    <phoneticPr fontId="1"/>
  </si>
  <si>
    <t>県計</t>
    <rPh sb="0" eb="1">
      <t>ケン</t>
    </rPh>
    <rPh sb="1" eb="2">
      <t>ケイ</t>
    </rPh>
    <phoneticPr fontId="1"/>
  </si>
  <si>
    <t>川本</t>
    <rPh sb="0" eb="2">
      <t>カワモト</t>
    </rPh>
    <phoneticPr fontId="1"/>
  </si>
  <si>
    <t>邑智</t>
    <rPh sb="0" eb="2">
      <t>オオチ</t>
    </rPh>
    <phoneticPr fontId="1"/>
  </si>
  <si>
    <t>大和</t>
    <rPh sb="0" eb="2">
      <t>ヤマト</t>
    </rPh>
    <phoneticPr fontId="1"/>
  </si>
  <si>
    <t>羽須美</t>
    <rPh sb="0" eb="3">
      <t>ハスミ</t>
    </rPh>
    <phoneticPr fontId="1"/>
  </si>
  <si>
    <t>瑞穂</t>
    <rPh sb="0" eb="2">
      <t>ミズホ</t>
    </rPh>
    <phoneticPr fontId="1"/>
  </si>
  <si>
    <t>石見</t>
    <rPh sb="0" eb="2">
      <t>イワミ</t>
    </rPh>
    <phoneticPr fontId="1"/>
  </si>
  <si>
    <t>大田</t>
    <rPh sb="0" eb="2">
      <t>オオダ</t>
    </rPh>
    <phoneticPr fontId="1"/>
  </si>
  <si>
    <t>仁摩</t>
    <rPh sb="0" eb="2">
      <t>ニマ</t>
    </rPh>
    <phoneticPr fontId="1"/>
  </si>
  <si>
    <t>温泉津</t>
    <rPh sb="0" eb="3">
      <t>ユノツ</t>
    </rPh>
    <phoneticPr fontId="1"/>
  </si>
  <si>
    <t>浜田</t>
    <rPh sb="0" eb="2">
      <t>ハマダ</t>
    </rPh>
    <phoneticPr fontId="1"/>
  </si>
  <si>
    <t>金城</t>
    <rPh sb="0" eb="2">
      <t>カネシロ</t>
    </rPh>
    <phoneticPr fontId="1"/>
  </si>
  <si>
    <t>旭</t>
    <rPh sb="0" eb="1">
      <t>アサヒ</t>
    </rPh>
    <phoneticPr fontId="1"/>
  </si>
  <si>
    <t>弥栄</t>
    <rPh sb="0" eb="2">
      <t>ヤサカ</t>
    </rPh>
    <phoneticPr fontId="1"/>
  </si>
  <si>
    <t>三隅</t>
    <rPh sb="0" eb="2">
      <t>ミスミ</t>
    </rPh>
    <phoneticPr fontId="1"/>
  </si>
  <si>
    <t>江津</t>
    <rPh sb="0" eb="2">
      <t>ゴウツ</t>
    </rPh>
    <phoneticPr fontId="1"/>
  </si>
  <si>
    <t>桜江</t>
    <rPh sb="0" eb="2">
      <t>サクラエ</t>
    </rPh>
    <phoneticPr fontId="1"/>
  </si>
  <si>
    <t>松江</t>
    <rPh sb="0" eb="2">
      <t>マツエ</t>
    </rPh>
    <phoneticPr fontId="1"/>
  </si>
  <si>
    <t>鹿島</t>
    <rPh sb="0" eb="2">
      <t>カシマ</t>
    </rPh>
    <phoneticPr fontId="1"/>
  </si>
  <si>
    <t>島根</t>
    <rPh sb="0" eb="2">
      <t>シマネ</t>
    </rPh>
    <phoneticPr fontId="1"/>
  </si>
  <si>
    <t>美保関</t>
    <rPh sb="0" eb="3">
      <t>ミホノセキ</t>
    </rPh>
    <phoneticPr fontId="1"/>
  </si>
  <si>
    <t>八雲</t>
    <rPh sb="0" eb="2">
      <t>ヤクモ</t>
    </rPh>
    <phoneticPr fontId="1"/>
  </si>
  <si>
    <t>玉湯</t>
    <rPh sb="0" eb="2">
      <t>タマユ</t>
    </rPh>
    <phoneticPr fontId="1"/>
  </si>
  <si>
    <t>宍道</t>
    <rPh sb="0" eb="2">
      <t>シンジ</t>
    </rPh>
    <phoneticPr fontId="1"/>
  </si>
  <si>
    <t>八束</t>
    <rPh sb="0" eb="2">
      <t>ヤツカ</t>
    </rPh>
    <phoneticPr fontId="1"/>
  </si>
  <si>
    <t>東出雲</t>
    <rPh sb="0" eb="3">
      <t>ヒガシイズモ</t>
    </rPh>
    <phoneticPr fontId="1"/>
  </si>
  <si>
    <t>安来</t>
    <rPh sb="0" eb="2">
      <t>ヤスギ</t>
    </rPh>
    <phoneticPr fontId="1"/>
  </si>
  <si>
    <t>広瀬</t>
    <rPh sb="0" eb="2">
      <t>ヒロセ</t>
    </rPh>
    <phoneticPr fontId="1"/>
  </si>
  <si>
    <t>伯太</t>
    <rPh sb="0" eb="2">
      <t>ハクタ</t>
    </rPh>
    <phoneticPr fontId="1"/>
  </si>
  <si>
    <t>管内計</t>
    <rPh sb="0" eb="2">
      <t>カンナイ</t>
    </rPh>
    <rPh sb="2" eb="3">
      <t>ケイ</t>
    </rPh>
    <phoneticPr fontId="1"/>
  </si>
  <si>
    <t>大東</t>
    <rPh sb="0" eb="2">
      <t>ダイトウ</t>
    </rPh>
    <phoneticPr fontId="1"/>
  </si>
  <si>
    <t>加茂</t>
    <rPh sb="0" eb="2">
      <t>カモ</t>
    </rPh>
    <phoneticPr fontId="1"/>
  </si>
  <si>
    <t>木次</t>
    <rPh sb="0" eb="1">
      <t>キ</t>
    </rPh>
    <rPh sb="1" eb="2">
      <t>ツギ</t>
    </rPh>
    <phoneticPr fontId="1"/>
  </si>
  <si>
    <t>三刀屋</t>
    <rPh sb="0" eb="3">
      <t>ミトヤ</t>
    </rPh>
    <phoneticPr fontId="1"/>
  </si>
  <si>
    <t>吉田</t>
    <rPh sb="0" eb="2">
      <t>ヨシダ</t>
    </rPh>
    <phoneticPr fontId="1"/>
  </si>
  <si>
    <t>掛合</t>
    <rPh sb="0" eb="2">
      <t>カケヤ</t>
    </rPh>
    <phoneticPr fontId="1"/>
  </si>
  <si>
    <t>仁多</t>
    <rPh sb="0" eb="2">
      <t>ニタ</t>
    </rPh>
    <phoneticPr fontId="1"/>
  </si>
  <si>
    <t>横田</t>
    <rPh sb="0" eb="2">
      <t>ヨコタ</t>
    </rPh>
    <phoneticPr fontId="1"/>
  </si>
  <si>
    <t>頓原</t>
    <rPh sb="0" eb="2">
      <t>トンバラ</t>
    </rPh>
    <phoneticPr fontId="1"/>
  </si>
  <si>
    <t>赤来</t>
    <rPh sb="0" eb="2">
      <t>アカギ</t>
    </rPh>
    <phoneticPr fontId="1"/>
  </si>
  <si>
    <t>出雲</t>
    <rPh sb="0" eb="2">
      <t>イズモ</t>
    </rPh>
    <phoneticPr fontId="1"/>
  </si>
  <si>
    <t>平田</t>
    <rPh sb="0" eb="2">
      <t>ヒラタ</t>
    </rPh>
    <phoneticPr fontId="1"/>
  </si>
  <si>
    <t>佐田</t>
    <rPh sb="0" eb="2">
      <t>サダ</t>
    </rPh>
    <phoneticPr fontId="1"/>
  </si>
  <si>
    <t>多伎</t>
    <rPh sb="0" eb="2">
      <t>タキ</t>
    </rPh>
    <phoneticPr fontId="1"/>
  </si>
  <si>
    <t>湖陵</t>
    <rPh sb="0" eb="2">
      <t>コリョウ</t>
    </rPh>
    <phoneticPr fontId="1"/>
  </si>
  <si>
    <t>大社</t>
    <rPh sb="0" eb="2">
      <t>タイシャ</t>
    </rPh>
    <phoneticPr fontId="1"/>
  </si>
  <si>
    <t>斐川</t>
    <rPh sb="0" eb="2">
      <t>ヒカワ</t>
    </rPh>
    <phoneticPr fontId="1"/>
  </si>
  <si>
    <t>西郷</t>
    <rPh sb="0" eb="2">
      <t>サイゴウ</t>
    </rPh>
    <phoneticPr fontId="1"/>
  </si>
  <si>
    <t>布施</t>
    <rPh sb="0" eb="2">
      <t>フセ</t>
    </rPh>
    <phoneticPr fontId="1"/>
  </si>
  <si>
    <t>五箇</t>
    <rPh sb="0" eb="2">
      <t>ゴカ</t>
    </rPh>
    <phoneticPr fontId="1"/>
  </si>
  <si>
    <t>都万</t>
    <rPh sb="0" eb="2">
      <t>ツマ</t>
    </rPh>
    <phoneticPr fontId="1"/>
  </si>
  <si>
    <t>海士</t>
    <rPh sb="0" eb="2">
      <t>アマ</t>
    </rPh>
    <phoneticPr fontId="1"/>
  </si>
  <si>
    <t>西ノ島</t>
    <rPh sb="0" eb="3">
      <t>ニシノシマ</t>
    </rPh>
    <phoneticPr fontId="1"/>
  </si>
  <si>
    <t>知夫</t>
    <rPh sb="0" eb="2">
      <t>チブ</t>
    </rPh>
    <phoneticPr fontId="1"/>
  </si>
  <si>
    <t>益田</t>
    <rPh sb="0" eb="2">
      <t>マスダ</t>
    </rPh>
    <phoneticPr fontId="1"/>
  </si>
  <si>
    <t>美都</t>
    <rPh sb="0" eb="2">
      <t>ミト</t>
    </rPh>
    <phoneticPr fontId="1"/>
  </si>
  <si>
    <t>匹見</t>
    <rPh sb="0" eb="2">
      <t>ヒキミ</t>
    </rPh>
    <phoneticPr fontId="1"/>
  </si>
  <si>
    <t>津和野</t>
    <rPh sb="0" eb="3">
      <t>ツワノ</t>
    </rPh>
    <phoneticPr fontId="1"/>
  </si>
  <si>
    <t>日原</t>
    <rPh sb="0" eb="2">
      <t>ニチハラ</t>
    </rPh>
    <phoneticPr fontId="1"/>
  </si>
  <si>
    <t>柿木</t>
    <rPh sb="0" eb="2">
      <t>カキノキ</t>
    </rPh>
    <phoneticPr fontId="1"/>
  </si>
  <si>
    <t>六日市</t>
    <rPh sb="0" eb="3">
      <t>ムイカイ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76" formatCode="#,##0_ "/>
    <numFmt numFmtId="181" formatCode="0_ "/>
  </numFmts>
  <fonts count="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</borders>
  <cellStyleXfs count="2">
    <xf numFmtId="0" fontId="0" fillId="0" borderId="0"/>
    <xf numFmtId="0" fontId="2" fillId="0" borderId="0">
      <alignment vertical="center"/>
    </xf>
  </cellStyleXfs>
  <cellXfs count="64">
    <xf numFmtId="0" fontId="0" fillId="0" borderId="0" xfId="0"/>
    <xf numFmtId="0" fontId="3" fillId="0" borderId="0" xfId="0" applyFont="1" applyAlignment="1">
      <alignment vertical="center"/>
    </xf>
    <xf numFmtId="0" fontId="3" fillId="0" borderId="0" xfId="0" applyFont="1" applyAlignment="1">
      <alignment horizontal="distributed" vertical="center" textRotation="255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horizontal="right" vertical="center"/>
    </xf>
    <xf numFmtId="176" fontId="3" fillId="0" borderId="1" xfId="0" applyNumberFormat="1" applyFont="1" applyBorder="1" applyAlignment="1">
      <alignment horizontal="center" vertical="center"/>
    </xf>
    <xf numFmtId="176" fontId="3" fillId="0" borderId="2" xfId="0" applyNumberFormat="1" applyFont="1" applyBorder="1" applyAlignment="1">
      <alignment horizontal="center" vertical="center"/>
    </xf>
    <xf numFmtId="41" fontId="3" fillId="0" borderId="3" xfId="0" applyNumberFormat="1" applyFont="1" applyBorder="1" applyAlignment="1">
      <alignment vertical="center"/>
    </xf>
    <xf numFmtId="41" fontId="3" fillId="0" borderId="4" xfId="0" applyNumberFormat="1" applyFont="1" applyBorder="1" applyAlignment="1">
      <alignment vertical="center"/>
    </xf>
    <xf numFmtId="41" fontId="3" fillId="0" borderId="1" xfId="0" applyNumberFormat="1" applyFont="1" applyBorder="1" applyAlignment="1">
      <alignment vertical="center"/>
    </xf>
    <xf numFmtId="176" fontId="3" fillId="0" borderId="5" xfId="0" applyNumberFormat="1" applyFont="1" applyBorder="1" applyAlignment="1">
      <alignment horizontal="center" vertical="center"/>
    </xf>
    <xf numFmtId="41" fontId="3" fillId="0" borderId="5" xfId="0" applyNumberFormat="1" applyFont="1" applyBorder="1" applyAlignment="1">
      <alignment vertical="center"/>
    </xf>
    <xf numFmtId="41" fontId="3" fillId="0" borderId="6" xfId="0" applyNumberFormat="1" applyFont="1" applyBorder="1" applyAlignment="1">
      <alignment vertical="center"/>
    </xf>
    <xf numFmtId="41" fontId="3" fillId="0" borderId="2" xfId="0" applyNumberFormat="1" applyFont="1" applyBorder="1" applyAlignment="1">
      <alignment vertical="center"/>
    </xf>
    <xf numFmtId="176" fontId="3" fillId="0" borderId="7" xfId="0" applyNumberFormat="1" applyFont="1" applyBorder="1" applyAlignment="1">
      <alignment horizontal="center" vertical="center"/>
    </xf>
    <xf numFmtId="41" fontId="3" fillId="0" borderId="7" xfId="0" applyNumberFormat="1" applyFont="1" applyBorder="1" applyAlignment="1">
      <alignment vertical="center"/>
    </xf>
    <xf numFmtId="41" fontId="3" fillId="0" borderId="8" xfId="0" applyNumberFormat="1" applyFont="1" applyBorder="1" applyAlignment="1">
      <alignment vertical="center"/>
    </xf>
    <xf numFmtId="41" fontId="3" fillId="0" borderId="9" xfId="0" applyNumberFormat="1" applyFont="1" applyBorder="1" applyAlignment="1">
      <alignment vertical="center"/>
    </xf>
    <xf numFmtId="176" fontId="3" fillId="0" borderId="3" xfId="0" applyNumberFormat="1" applyFont="1" applyBorder="1" applyAlignment="1">
      <alignment horizontal="center" vertical="center" wrapText="1"/>
    </xf>
    <xf numFmtId="176" fontId="3" fillId="0" borderId="1" xfId="0" applyNumberFormat="1" applyFont="1" applyBorder="1" applyAlignment="1">
      <alignment horizontal="center" vertical="center" wrapText="1"/>
    </xf>
    <xf numFmtId="0" fontId="4" fillId="0" borderId="2" xfId="0" applyFont="1" applyBorder="1" applyAlignment="1">
      <alignment vertical="center" shrinkToFit="1"/>
    </xf>
    <xf numFmtId="176" fontId="3" fillId="0" borderId="3" xfId="0" applyNumberFormat="1" applyFont="1" applyBorder="1" applyAlignment="1">
      <alignment vertical="center" wrapText="1"/>
    </xf>
    <xf numFmtId="0" fontId="3" fillId="0" borderId="10" xfId="0" applyFont="1" applyBorder="1" applyAlignment="1">
      <alignment vertical="center"/>
    </xf>
    <xf numFmtId="0" fontId="3" fillId="0" borderId="10" xfId="0" applyFont="1" applyBorder="1" applyAlignment="1">
      <alignment horizontal="distributed" vertical="center" textRotation="255"/>
    </xf>
    <xf numFmtId="0" fontId="3" fillId="0" borderId="0" xfId="0" applyFont="1" applyBorder="1" applyAlignment="1">
      <alignment horizontal="distributed" vertical="center" textRotation="255"/>
    </xf>
    <xf numFmtId="0" fontId="4" fillId="0" borderId="8" xfId="0" applyFont="1" applyBorder="1" applyAlignment="1">
      <alignment vertical="center" shrinkToFit="1"/>
    </xf>
    <xf numFmtId="176" fontId="3" fillId="0" borderId="1" xfId="0" applyNumberFormat="1" applyFont="1" applyBorder="1" applyAlignment="1">
      <alignment vertical="center" wrapText="1"/>
    </xf>
    <xf numFmtId="176" fontId="4" fillId="0" borderId="3" xfId="0" applyNumberFormat="1" applyFont="1" applyBorder="1" applyAlignment="1">
      <alignment vertical="center"/>
    </xf>
    <xf numFmtId="176" fontId="4" fillId="0" borderId="1" xfId="0" applyNumberFormat="1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vertical="center"/>
    </xf>
    <xf numFmtId="0" fontId="3" fillId="0" borderId="2" xfId="0" applyFont="1" applyBorder="1" applyAlignment="1">
      <alignment horizontal="center" vertical="center"/>
    </xf>
    <xf numFmtId="0" fontId="4" fillId="0" borderId="1" xfId="0" applyFont="1" applyBorder="1" applyAlignment="1">
      <alignment vertical="center" shrinkToFit="1"/>
    </xf>
    <xf numFmtId="41" fontId="3" fillId="0" borderId="11" xfId="0" applyNumberFormat="1" applyFont="1" applyBorder="1" applyAlignment="1">
      <alignment vertical="center"/>
    </xf>
    <xf numFmtId="41" fontId="3" fillId="0" borderId="12" xfId="0" applyNumberFormat="1" applyFont="1" applyBorder="1" applyAlignment="1">
      <alignment vertical="center"/>
    </xf>
    <xf numFmtId="0" fontId="4" fillId="0" borderId="3" xfId="0" applyFont="1" applyBorder="1" applyAlignment="1">
      <alignment vertical="center" shrinkToFit="1"/>
    </xf>
    <xf numFmtId="0" fontId="4" fillId="0" borderId="8" xfId="0" applyFont="1" applyBorder="1" applyAlignment="1">
      <alignment horizontal="center" vertical="center" shrinkToFit="1"/>
    </xf>
    <xf numFmtId="176" fontId="3" fillId="0" borderId="13" xfId="0" applyNumberFormat="1" applyFont="1" applyBorder="1" applyAlignment="1">
      <alignment vertical="center"/>
    </xf>
    <xf numFmtId="181" fontId="4" fillId="0" borderId="3" xfId="0" applyNumberFormat="1" applyFont="1" applyBorder="1" applyAlignment="1">
      <alignment horizontal="center" vertical="center"/>
    </xf>
    <xf numFmtId="181" fontId="4" fillId="0" borderId="4" xfId="0" applyNumberFormat="1" applyFont="1" applyBorder="1" applyAlignment="1">
      <alignment horizontal="center" vertical="center"/>
    </xf>
    <xf numFmtId="181" fontId="4" fillId="0" borderId="1" xfId="0" applyNumberFormat="1" applyFont="1" applyBorder="1" applyAlignment="1">
      <alignment horizontal="center" vertical="center"/>
    </xf>
    <xf numFmtId="181" fontId="4" fillId="0" borderId="5" xfId="0" applyNumberFormat="1" applyFont="1" applyBorder="1" applyAlignment="1">
      <alignment horizontal="center" vertical="center"/>
    </xf>
    <xf numFmtId="181" fontId="4" fillId="0" borderId="7" xfId="0" applyNumberFormat="1" applyFont="1" applyBorder="1" applyAlignment="1">
      <alignment horizontal="center" vertical="center"/>
    </xf>
    <xf numFmtId="181" fontId="4" fillId="0" borderId="14" xfId="0" applyNumberFormat="1" applyFont="1" applyBorder="1" applyAlignment="1">
      <alignment vertical="center"/>
    </xf>
    <xf numFmtId="181" fontId="4" fillId="0" borderId="15" xfId="0" applyNumberFormat="1" applyFont="1" applyBorder="1" applyAlignment="1">
      <alignment vertical="center"/>
    </xf>
    <xf numFmtId="181" fontId="4" fillId="0" borderId="3" xfId="0" applyNumberFormat="1" applyFont="1" applyBorder="1" applyAlignment="1">
      <alignment horizontal="center" vertical="center" wrapText="1"/>
    </xf>
    <xf numFmtId="181" fontId="4" fillId="0" borderId="9" xfId="0" applyNumberFormat="1" applyFont="1" applyBorder="1" applyAlignment="1">
      <alignment horizontal="center" vertical="center"/>
    </xf>
    <xf numFmtId="181" fontId="4" fillId="0" borderId="16" xfId="0" applyNumberFormat="1" applyFont="1" applyBorder="1" applyAlignment="1">
      <alignment vertical="center"/>
    </xf>
    <xf numFmtId="181" fontId="3" fillId="0" borderId="3" xfId="0" applyNumberFormat="1" applyFont="1" applyBorder="1" applyAlignment="1">
      <alignment vertical="center"/>
    </xf>
    <xf numFmtId="181" fontId="3" fillId="0" borderId="4" xfId="0" applyNumberFormat="1" applyFont="1" applyBorder="1" applyAlignment="1">
      <alignment vertical="center"/>
    </xf>
    <xf numFmtId="181" fontId="3" fillId="0" borderId="1" xfId="0" applyNumberFormat="1" applyFont="1" applyBorder="1" applyAlignment="1">
      <alignment vertical="center"/>
    </xf>
    <xf numFmtId="181" fontId="3" fillId="0" borderId="5" xfId="0" applyNumberFormat="1" applyFont="1" applyBorder="1" applyAlignment="1">
      <alignment vertical="center"/>
    </xf>
    <xf numFmtId="181" fontId="3" fillId="0" borderId="6" xfId="0" applyNumberFormat="1" applyFont="1" applyBorder="1" applyAlignment="1">
      <alignment vertical="center"/>
    </xf>
    <xf numFmtId="181" fontId="3" fillId="0" borderId="2" xfId="0" applyNumberFormat="1" applyFont="1" applyBorder="1" applyAlignment="1">
      <alignment vertical="center"/>
    </xf>
    <xf numFmtId="181" fontId="3" fillId="0" borderId="7" xfId="0" applyNumberFormat="1" applyFont="1" applyBorder="1" applyAlignment="1">
      <alignment vertical="center"/>
    </xf>
    <xf numFmtId="181" fontId="3" fillId="0" borderId="8" xfId="0" applyNumberFormat="1" applyFont="1" applyBorder="1" applyAlignment="1">
      <alignment vertical="center"/>
    </xf>
    <xf numFmtId="181" fontId="3" fillId="0" borderId="9" xfId="0" applyNumberFormat="1" applyFont="1" applyBorder="1" applyAlignment="1">
      <alignment vertical="center"/>
    </xf>
    <xf numFmtId="181" fontId="4" fillId="0" borderId="17" xfId="0" applyNumberFormat="1" applyFont="1" applyBorder="1" applyAlignment="1">
      <alignment vertical="center"/>
    </xf>
    <xf numFmtId="0" fontId="4" fillId="0" borderId="7" xfId="0" applyFont="1" applyBorder="1" applyAlignment="1">
      <alignment horizontal="center" vertical="center"/>
    </xf>
    <xf numFmtId="181" fontId="4" fillId="0" borderId="18" xfId="0" applyNumberFormat="1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Y90"/>
  <sheetViews>
    <sheetView tabSelected="1" zoomScaleNormal="100" zoomScaleSheetLayoutView="70" workbookViewId="0"/>
  </sheetViews>
  <sheetFormatPr defaultRowHeight="12" x14ac:dyDescent="0.15"/>
  <cols>
    <col min="1" max="1" width="3.125" style="1" customWidth="1"/>
    <col min="2" max="2" width="8.375" style="2" bestFit="1" customWidth="1"/>
    <col min="3" max="3" width="9.875" style="1" bestFit="1" customWidth="1"/>
    <col min="4" max="4" width="9.125" style="1" customWidth="1"/>
    <col min="5" max="20" width="8.375" style="1" customWidth="1"/>
    <col min="21" max="21" width="9.625" style="1" customWidth="1"/>
    <col min="22" max="22" width="9.875" style="1" bestFit="1" customWidth="1"/>
    <col min="23" max="23" width="8.375" style="2" bestFit="1" customWidth="1"/>
    <col min="24" max="24" width="3.125" style="1" customWidth="1"/>
    <col min="25" max="16384" width="9" style="1"/>
  </cols>
  <sheetData>
    <row r="1" spans="1:25" ht="18.75" customHeight="1" x14ac:dyDescent="0.15">
      <c r="A1" s="22"/>
      <c r="B1" s="23"/>
      <c r="C1" s="22"/>
      <c r="G1" s="22"/>
      <c r="H1" s="22"/>
      <c r="I1" s="22"/>
      <c r="J1" s="22"/>
      <c r="K1" s="22"/>
      <c r="L1" s="22"/>
      <c r="M1" s="22"/>
      <c r="O1" s="22"/>
      <c r="P1" s="22"/>
      <c r="Q1" s="22"/>
      <c r="R1" s="22"/>
      <c r="S1" s="22"/>
      <c r="T1" s="22"/>
      <c r="U1" s="22"/>
      <c r="V1" s="22"/>
      <c r="W1" s="23"/>
      <c r="X1" s="4"/>
    </row>
    <row r="2" spans="1:25" ht="21" customHeight="1" x14ac:dyDescent="0.15">
      <c r="A2" s="34" t="s">
        <v>30</v>
      </c>
      <c r="B2" s="5" t="s">
        <v>7</v>
      </c>
      <c r="C2" s="5" t="s">
        <v>13</v>
      </c>
      <c r="D2" s="18" t="s">
        <v>31</v>
      </c>
      <c r="E2" s="21" t="s">
        <v>32</v>
      </c>
      <c r="F2" s="21" t="s">
        <v>33</v>
      </c>
      <c r="G2" s="5" t="s">
        <v>0</v>
      </c>
      <c r="H2" s="5" t="s">
        <v>34</v>
      </c>
      <c r="I2" s="5" t="s">
        <v>8</v>
      </c>
      <c r="J2" s="5" t="s">
        <v>1</v>
      </c>
      <c r="K2" s="5" t="s">
        <v>2</v>
      </c>
      <c r="L2" s="5" t="s">
        <v>3</v>
      </c>
      <c r="M2" s="5" t="s">
        <v>35</v>
      </c>
      <c r="N2" s="27" t="s">
        <v>36</v>
      </c>
      <c r="O2" s="5" t="s">
        <v>4</v>
      </c>
      <c r="P2" s="5" t="s">
        <v>37</v>
      </c>
      <c r="Q2" s="5" t="s">
        <v>38</v>
      </c>
      <c r="R2" s="5" t="s">
        <v>5</v>
      </c>
      <c r="S2" s="5" t="s">
        <v>39</v>
      </c>
      <c r="T2" s="5" t="s">
        <v>40</v>
      </c>
      <c r="U2" s="5" t="s">
        <v>41</v>
      </c>
      <c r="V2" s="29" t="s">
        <v>42</v>
      </c>
      <c r="W2" s="31" t="s">
        <v>7</v>
      </c>
      <c r="X2" s="37" t="s">
        <v>30</v>
      </c>
    </row>
    <row r="3" spans="1:25" ht="21" customHeight="1" x14ac:dyDescent="0.15">
      <c r="A3" s="34" t="s">
        <v>30</v>
      </c>
      <c r="B3" s="5" t="s">
        <v>7</v>
      </c>
      <c r="C3" s="5" t="s">
        <v>13</v>
      </c>
      <c r="D3" s="19" t="s">
        <v>31</v>
      </c>
      <c r="E3" s="26" t="s">
        <v>32</v>
      </c>
      <c r="F3" s="26" t="s">
        <v>33</v>
      </c>
      <c r="G3" s="5" t="s">
        <v>0</v>
      </c>
      <c r="H3" s="5" t="s">
        <v>34</v>
      </c>
      <c r="I3" s="5" t="s">
        <v>8</v>
      </c>
      <c r="J3" s="5" t="s">
        <v>1</v>
      </c>
      <c r="K3" s="5" t="s">
        <v>2</v>
      </c>
      <c r="L3" s="5" t="s">
        <v>3</v>
      </c>
      <c r="M3" s="5" t="s">
        <v>35</v>
      </c>
      <c r="N3" s="28" t="s">
        <v>36</v>
      </c>
      <c r="O3" s="5" t="s">
        <v>4</v>
      </c>
      <c r="P3" s="5" t="s">
        <v>37</v>
      </c>
      <c r="Q3" s="5" t="s">
        <v>38</v>
      </c>
      <c r="R3" s="5" t="s">
        <v>5</v>
      </c>
      <c r="S3" s="5" t="s">
        <v>39</v>
      </c>
      <c r="T3" s="5" t="s">
        <v>40</v>
      </c>
      <c r="U3" s="5" t="s">
        <v>41</v>
      </c>
      <c r="V3" s="29" t="s">
        <v>42</v>
      </c>
      <c r="W3" s="31" t="s">
        <v>7</v>
      </c>
      <c r="X3" s="34" t="s">
        <v>30</v>
      </c>
    </row>
    <row r="4" spans="1:25" ht="21" customHeight="1" x14ac:dyDescent="0.15">
      <c r="A4" s="20" t="s">
        <v>30</v>
      </c>
      <c r="B4" s="6" t="s">
        <v>7</v>
      </c>
      <c r="C4" s="6" t="s">
        <v>13</v>
      </c>
      <c r="D4" s="19" t="s">
        <v>31</v>
      </c>
      <c r="E4" s="26" t="s">
        <v>32</v>
      </c>
      <c r="F4" s="26" t="s">
        <v>33</v>
      </c>
      <c r="G4" s="5" t="s">
        <v>0</v>
      </c>
      <c r="H4" s="5" t="s">
        <v>34</v>
      </c>
      <c r="I4" s="5" t="s">
        <v>8</v>
      </c>
      <c r="J4" s="5" t="s">
        <v>1</v>
      </c>
      <c r="K4" s="5" t="s">
        <v>2</v>
      </c>
      <c r="L4" s="5" t="s">
        <v>3</v>
      </c>
      <c r="M4" s="5" t="s">
        <v>35</v>
      </c>
      <c r="N4" s="28" t="s">
        <v>36</v>
      </c>
      <c r="O4" s="5" t="s">
        <v>4</v>
      </c>
      <c r="P4" s="5" t="s">
        <v>37</v>
      </c>
      <c r="Q4" s="5" t="s">
        <v>38</v>
      </c>
      <c r="R4" s="5" t="s">
        <v>5</v>
      </c>
      <c r="S4" s="5" t="s">
        <v>39</v>
      </c>
      <c r="T4" s="5" t="s">
        <v>40</v>
      </c>
      <c r="U4" s="5" t="s">
        <v>41</v>
      </c>
      <c r="V4" s="32" t="s">
        <v>42</v>
      </c>
      <c r="W4" s="33" t="s">
        <v>7</v>
      </c>
      <c r="X4" s="20" t="s">
        <v>30</v>
      </c>
      <c r="Y4" s="3"/>
    </row>
    <row r="5" spans="1:25" ht="18.75" customHeight="1" x14ac:dyDescent="0.15">
      <c r="A5" s="25" t="s">
        <v>9</v>
      </c>
      <c r="B5" s="40" t="s">
        <v>14</v>
      </c>
      <c r="C5" s="40" t="s">
        <v>49</v>
      </c>
      <c r="D5" s="50">
        <v>59.53</v>
      </c>
      <c r="E5" s="50">
        <v>534.6</v>
      </c>
      <c r="F5" s="50">
        <v>48.3</v>
      </c>
      <c r="G5" s="7">
        <v>0</v>
      </c>
      <c r="H5" s="7">
        <v>0</v>
      </c>
      <c r="I5" s="7">
        <v>0</v>
      </c>
      <c r="J5" s="7">
        <v>0</v>
      </c>
      <c r="K5" s="7">
        <v>58.44</v>
      </c>
      <c r="L5" s="7">
        <v>0</v>
      </c>
      <c r="M5" s="7">
        <v>0</v>
      </c>
      <c r="N5" s="7">
        <v>0</v>
      </c>
      <c r="O5" s="7">
        <v>0</v>
      </c>
      <c r="P5" s="7">
        <v>0</v>
      </c>
      <c r="Q5" s="7">
        <v>0</v>
      </c>
      <c r="R5" s="7">
        <v>0</v>
      </c>
      <c r="S5" s="7">
        <v>58.44</v>
      </c>
      <c r="T5" s="7">
        <v>0</v>
      </c>
      <c r="U5" s="50">
        <v>759.31</v>
      </c>
      <c r="V5" s="40" t="s">
        <v>49</v>
      </c>
      <c r="W5" s="40" t="s">
        <v>14</v>
      </c>
      <c r="X5" s="25" t="s">
        <v>9</v>
      </c>
    </row>
    <row r="6" spans="1:25" ht="18.75" customHeight="1" x14ac:dyDescent="0.15">
      <c r="A6" s="25" t="s">
        <v>9</v>
      </c>
      <c r="B6" s="41" t="s">
        <v>15</v>
      </c>
      <c r="C6" s="41" t="s">
        <v>50</v>
      </c>
      <c r="D6" s="51">
        <v>2334.35</v>
      </c>
      <c r="E6" s="51">
        <v>477.28</v>
      </c>
      <c r="F6" s="51">
        <v>5.82</v>
      </c>
      <c r="G6" s="8">
        <v>0</v>
      </c>
      <c r="H6" s="8">
        <v>0</v>
      </c>
      <c r="I6" s="8">
        <v>0</v>
      </c>
      <c r="J6" s="8">
        <v>0</v>
      </c>
      <c r="K6" s="8">
        <v>0</v>
      </c>
      <c r="L6" s="8">
        <v>0</v>
      </c>
      <c r="M6" s="8">
        <v>0</v>
      </c>
      <c r="N6" s="8">
        <v>3.17</v>
      </c>
      <c r="O6" s="8">
        <v>33.9</v>
      </c>
      <c r="P6" s="8">
        <v>0</v>
      </c>
      <c r="Q6" s="8">
        <v>0</v>
      </c>
      <c r="R6" s="8">
        <v>0</v>
      </c>
      <c r="S6" s="8">
        <v>35.49</v>
      </c>
      <c r="T6" s="8">
        <v>0</v>
      </c>
      <c r="U6" s="51">
        <v>2890.01</v>
      </c>
      <c r="V6" s="41" t="s">
        <v>50</v>
      </c>
      <c r="W6" s="41" t="s">
        <v>15</v>
      </c>
      <c r="X6" s="25" t="s">
        <v>9</v>
      </c>
    </row>
    <row r="7" spans="1:25" ht="18.75" customHeight="1" x14ac:dyDescent="0.15">
      <c r="A7" s="25" t="s">
        <v>9</v>
      </c>
      <c r="B7" s="42" t="s">
        <v>15</v>
      </c>
      <c r="C7" s="42" t="s">
        <v>51</v>
      </c>
      <c r="D7" s="52">
        <v>1820.51</v>
      </c>
      <c r="E7" s="52">
        <v>375.2</v>
      </c>
      <c r="F7" s="52">
        <v>15.77</v>
      </c>
      <c r="G7" s="9">
        <v>0</v>
      </c>
      <c r="H7" s="9">
        <v>0</v>
      </c>
      <c r="I7" s="9">
        <v>0</v>
      </c>
      <c r="J7" s="9">
        <v>0</v>
      </c>
      <c r="K7" s="9">
        <v>0</v>
      </c>
      <c r="L7" s="9">
        <v>0</v>
      </c>
      <c r="M7" s="9">
        <v>0</v>
      </c>
      <c r="N7" s="9">
        <v>0.45</v>
      </c>
      <c r="O7" s="9">
        <v>0</v>
      </c>
      <c r="P7" s="9">
        <v>0</v>
      </c>
      <c r="Q7" s="9">
        <v>0</v>
      </c>
      <c r="R7" s="9">
        <v>0</v>
      </c>
      <c r="S7" s="9">
        <v>0</v>
      </c>
      <c r="T7" s="9">
        <v>0</v>
      </c>
      <c r="U7" s="52">
        <v>2211.9299999999998</v>
      </c>
      <c r="V7" s="42" t="s">
        <v>51</v>
      </c>
      <c r="W7" s="42" t="s">
        <v>15</v>
      </c>
      <c r="X7" s="25" t="s">
        <v>9</v>
      </c>
    </row>
    <row r="8" spans="1:25" ht="18.75" customHeight="1" x14ac:dyDescent="0.15">
      <c r="A8" s="25" t="s">
        <v>9</v>
      </c>
      <c r="B8" s="10" t="s">
        <v>27</v>
      </c>
      <c r="C8" s="43" t="s">
        <v>27</v>
      </c>
      <c r="D8" s="53">
        <v>4154.8599999999997</v>
      </c>
      <c r="E8" s="53">
        <v>852.48</v>
      </c>
      <c r="F8" s="53">
        <v>21.59</v>
      </c>
      <c r="G8" s="11">
        <v>0</v>
      </c>
      <c r="H8" s="11">
        <v>0</v>
      </c>
      <c r="I8" s="11">
        <v>0</v>
      </c>
      <c r="J8" s="11">
        <v>0</v>
      </c>
      <c r="K8" s="11">
        <v>0</v>
      </c>
      <c r="L8" s="11">
        <v>0</v>
      </c>
      <c r="M8" s="11">
        <v>0</v>
      </c>
      <c r="N8" s="11">
        <v>3.62</v>
      </c>
      <c r="O8" s="11">
        <v>33.9</v>
      </c>
      <c r="P8" s="11">
        <v>0</v>
      </c>
      <c r="Q8" s="11">
        <v>0</v>
      </c>
      <c r="R8" s="11">
        <v>0</v>
      </c>
      <c r="S8" s="11">
        <v>35.49</v>
      </c>
      <c r="T8" s="11">
        <v>0</v>
      </c>
      <c r="U8" s="53">
        <v>5101.9400000000005</v>
      </c>
      <c r="V8" s="43" t="s">
        <v>27</v>
      </c>
      <c r="W8" s="10" t="s">
        <v>27</v>
      </c>
      <c r="X8" s="25" t="s">
        <v>9</v>
      </c>
    </row>
    <row r="9" spans="1:25" ht="18.75" customHeight="1" x14ac:dyDescent="0.15">
      <c r="A9" s="25" t="s">
        <v>9</v>
      </c>
      <c r="B9" s="42" t="s">
        <v>16</v>
      </c>
      <c r="C9" s="42" t="s">
        <v>52</v>
      </c>
      <c r="D9" s="52">
        <v>1678.72</v>
      </c>
      <c r="E9" s="52">
        <v>251.82</v>
      </c>
      <c r="F9" s="52">
        <v>50.43</v>
      </c>
      <c r="G9" s="9">
        <v>0</v>
      </c>
      <c r="H9" s="9">
        <v>0</v>
      </c>
      <c r="I9" s="9">
        <v>0</v>
      </c>
      <c r="J9" s="9">
        <v>0</v>
      </c>
      <c r="K9" s="9">
        <v>0</v>
      </c>
      <c r="L9" s="9">
        <v>0</v>
      </c>
      <c r="M9" s="9">
        <v>0</v>
      </c>
      <c r="N9" s="9">
        <v>6.17</v>
      </c>
      <c r="O9" s="9">
        <v>0</v>
      </c>
      <c r="P9" s="9">
        <v>0</v>
      </c>
      <c r="Q9" s="9">
        <v>0</v>
      </c>
      <c r="R9" s="9">
        <v>0</v>
      </c>
      <c r="S9" s="9">
        <v>49.57</v>
      </c>
      <c r="T9" s="9">
        <v>0.91</v>
      </c>
      <c r="U9" s="52">
        <v>2037.6200000000001</v>
      </c>
      <c r="V9" s="42" t="s">
        <v>52</v>
      </c>
      <c r="W9" s="42" t="s">
        <v>16</v>
      </c>
      <c r="X9" s="25" t="s">
        <v>9</v>
      </c>
    </row>
    <row r="10" spans="1:25" ht="18.75" customHeight="1" x14ac:dyDescent="0.15">
      <c r="A10" s="25" t="s">
        <v>9</v>
      </c>
      <c r="B10" s="42" t="s">
        <v>43</v>
      </c>
      <c r="C10" s="42" t="s">
        <v>53</v>
      </c>
      <c r="D10" s="52">
        <v>9055.11</v>
      </c>
      <c r="E10" s="52">
        <v>127</v>
      </c>
      <c r="F10" s="52">
        <v>7.05</v>
      </c>
      <c r="G10" s="9">
        <v>0</v>
      </c>
      <c r="H10" s="9">
        <v>0</v>
      </c>
      <c r="I10" s="9">
        <v>0</v>
      </c>
      <c r="J10" s="9">
        <v>0</v>
      </c>
      <c r="K10" s="9">
        <v>0</v>
      </c>
      <c r="L10" s="9">
        <v>0</v>
      </c>
      <c r="M10" s="9">
        <v>0</v>
      </c>
      <c r="N10" s="9">
        <v>4.0999999999999996</v>
      </c>
      <c r="O10" s="9">
        <v>0</v>
      </c>
      <c r="P10" s="9">
        <v>0</v>
      </c>
      <c r="Q10" s="9">
        <v>0</v>
      </c>
      <c r="R10" s="9">
        <v>0</v>
      </c>
      <c r="S10" s="9">
        <v>52.89</v>
      </c>
      <c r="T10" s="9">
        <v>0</v>
      </c>
      <c r="U10" s="52">
        <v>9246.15</v>
      </c>
      <c r="V10" s="42" t="s">
        <v>53</v>
      </c>
      <c r="W10" s="42" t="s">
        <v>43</v>
      </c>
      <c r="X10" s="25" t="s">
        <v>9</v>
      </c>
    </row>
    <row r="11" spans="1:25" ht="18.75" customHeight="1" x14ac:dyDescent="0.15">
      <c r="A11" s="25" t="s">
        <v>9</v>
      </c>
      <c r="B11" s="42" t="s">
        <v>43</v>
      </c>
      <c r="C11" s="42" t="s">
        <v>54</v>
      </c>
      <c r="D11" s="52">
        <v>5497.17</v>
      </c>
      <c r="E11" s="52">
        <v>144.63999999999999</v>
      </c>
      <c r="F11" s="52">
        <v>1.8</v>
      </c>
      <c r="G11" s="9">
        <v>0</v>
      </c>
      <c r="H11" s="9">
        <v>0</v>
      </c>
      <c r="I11" s="9">
        <v>0</v>
      </c>
      <c r="J11" s="9">
        <v>0</v>
      </c>
      <c r="K11" s="9">
        <v>0</v>
      </c>
      <c r="L11" s="9">
        <v>0</v>
      </c>
      <c r="M11" s="9">
        <v>0</v>
      </c>
      <c r="N11" s="9">
        <v>2.76</v>
      </c>
      <c r="O11" s="9">
        <v>0</v>
      </c>
      <c r="P11" s="9">
        <v>0</v>
      </c>
      <c r="Q11" s="9">
        <v>0</v>
      </c>
      <c r="R11" s="9">
        <v>0</v>
      </c>
      <c r="S11" s="9">
        <v>120.64</v>
      </c>
      <c r="T11" s="9">
        <v>2</v>
      </c>
      <c r="U11" s="52">
        <v>5769.0100000000011</v>
      </c>
      <c r="V11" s="42" t="s">
        <v>54</v>
      </c>
      <c r="W11" s="42" t="s">
        <v>43</v>
      </c>
      <c r="X11" s="25" t="s">
        <v>9</v>
      </c>
    </row>
    <row r="12" spans="1:25" ht="18.75" customHeight="1" x14ac:dyDescent="0.15">
      <c r="A12" s="25" t="s">
        <v>9</v>
      </c>
      <c r="B12" s="5" t="s">
        <v>27</v>
      </c>
      <c r="C12" s="42" t="s">
        <v>27</v>
      </c>
      <c r="D12" s="52">
        <v>16231</v>
      </c>
      <c r="E12" s="52">
        <v>523.46</v>
      </c>
      <c r="F12" s="52">
        <v>59.279999999999994</v>
      </c>
      <c r="G12" s="9">
        <v>0</v>
      </c>
      <c r="H12" s="9">
        <v>0</v>
      </c>
      <c r="I12" s="9">
        <v>0</v>
      </c>
      <c r="J12" s="9">
        <v>0</v>
      </c>
      <c r="K12" s="9">
        <v>0</v>
      </c>
      <c r="L12" s="9">
        <v>0</v>
      </c>
      <c r="M12" s="9">
        <v>0</v>
      </c>
      <c r="N12" s="9">
        <v>13.03</v>
      </c>
      <c r="O12" s="9">
        <v>0</v>
      </c>
      <c r="P12" s="9">
        <v>0</v>
      </c>
      <c r="Q12" s="9">
        <v>0</v>
      </c>
      <c r="R12" s="9">
        <v>0</v>
      </c>
      <c r="S12" s="9">
        <v>223.10000000000002</v>
      </c>
      <c r="T12" s="9">
        <v>2.91</v>
      </c>
      <c r="U12" s="52">
        <v>17052.780000000002</v>
      </c>
      <c r="V12" s="42" t="s">
        <v>27</v>
      </c>
      <c r="W12" s="5" t="s">
        <v>27</v>
      </c>
      <c r="X12" s="25" t="s">
        <v>9</v>
      </c>
    </row>
    <row r="13" spans="1:25" ht="18.75" customHeight="1" x14ac:dyDescent="0.15">
      <c r="A13" s="25" t="s">
        <v>9</v>
      </c>
      <c r="B13" s="41" t="s">
        <v>17</v>
      </c>
      <c r="C13" s="41" t="s">
        <v>55</v>
      </c>
      <c r="D13" s="51">
        <v>1723.41</v>
      </c>
      <c r="E13" s="51">
        <v>256.52</v>
      </c>
      <c r="F13" s="51">
        <v>36.700000000000003</v>
      </c>
      <c r="G13" s="8">
        <v>0.28999999999999998</v>
      </c>
      <c r="H13" s="8">
        <v>0.74</v>
      </c>
      <c r="I13" s="8">
        <v>0</v>
      </c>
      <c r="J13" s="8">
        <v>0</v>
      </c>
      <c r="K13" s="8">
        <v>0.06</v>
      </c>
      <c r="L13" s="8">
        <v>0</v>
      </c>
      <c r="M13" s="8">
        <v>0</v>
      </c>
      <c r="N13" s="8">
        <v>101.42</v>
      </c>
      <c r="O13" s="8">
        <v>0</v>
      </c>
      <c r="P13" s="8">
        <v>7.49</v>
      </c>
      <c r="Q13" s="8">
        <v>15.74</v>
      </c>
      <c r="R13" s="8">
        <v>0</v>
      </c>
      <c r="S13" s="8">
        <v>122.66</v>
      </c>
      <c r="T13" s="8">
        <v>0.84</v>
      </c>
      <c r="U13" s="51">
        <v>2265.8699999999994</v>
      </c>
      <c r="V13" s="41" t="s">
        <v>55</v>
      </c>
      <c r="W13" s="41" t="s">
        <v>17</v>
      </c>
      <c r="X13" s="25" t="s">
        <v>9</v>
      </c>
    </row>
    <row r="14" spans="1:25" ht="18.75" customHeight="1" x14ac:dyDescent="0.15">
      <c r="A14" s="25" t="s">
        <v>9</v>
      </c>
      <c r="B14" s="42" t="s">
        <v>17</v>
      </c>
      <c r="C14" s="42" t="s">
        <v>56</v>
      </c>
      <c r="D14" s="9">
        <v>0</v>
      </c>
      <c r="E14" s="9">
        <v>144.77000000000001</v>
      </c>
      <c r="F14" s="9">
        <v>28.12</v>
      </c>
      <c r="G14" s="9">
        <v>0</v>
      </c>
      <c r="H14" s="9">
        <v>3.32</v>
      </c>
      <c r="I14" s="9">
        <v>0</v>
      </c>
      <c r="J14" s="9">
        <v>0</v>
      </c>
      <c r="K14" s="9">
        <v>2.06</v>
      </c>
      <c r="L14" s="9">
        <v>0</v>
      </c>
      <c r="M14" s="9">
        <v>0</v>
      </c>
      <c r="N14" s="9">
        <v>0</v>
      </c>
      <c r="O14" s="9">
        <v>0</v>
      </c>
      <c r="P14" s="9">
        <v>0</v>
      </c>
      <c r="Q14" s="9">
        <v>51.31</v>
      </c>
      <c r="R14" s="9">
        <v>0</v>
      </c>
      <c r="S14" s="9">
        <v>0</v>
      </c>
      <c r="T14" s="9">
        <v>3.18</v>
      </c>
      <c r="U14" s="52">
        <v>232.76000000000002</v>
      </c>
      <c r="V14" s="42" t="s">
        <v>56</v>
      </c>
      <c r="W14" s="42" t="s">
        <v>17</v>
      </c>
      <c r="X14" s="25" t="s">
        <v>9</v>
      </c>
    </row>
    <row r="15" spans="1:25" ht="18.75" customHeight="1" x14ac:dyDescent="0.15">
      <c r="A15" s="25" t="s">
        <v>9</v>
      </c>
      <c r="B15" s="42" t="s">
        <v>17</v>
      </c>
      <c r="C15" s="42" t="s">
        <v>57</v>
      </c>
      <c r="D15" s="9">
        <v>0</v>
      </c>
      <c r="E15" s="9">
        <v>47.68</v>
      </c>
      <c r="F15" s="9">
        <v>7.76</v>
      </c>
      <c r="G15" s="9">
        <v>0</v>
      </c>
      <c r="H15" s="9">
        <v>1.41</v>
      </c>
      <c r="I15" s="9">
        <v>0</v>
      </c>
      <c r="J15" s="9">
        <v>0</v>
      </c>
      <c r="K15" s="9">
        <v>3.01</v>
      </c>
      <c r="L15" s="9">
        <v>0</v>
      </c>
      <c r="M15" s="9">
        <v>0</v>
      </c>
      <c r="N15" s="9">
        <v>0</v>
      </c>
      <c r="O15" s="9">
        <v>0</v>
      </c>
      <c r="P15" s="9">
        <v>0</v>
      </c>
      <c r="Q15" s="9">
        <v>62.12</v>
      </c>
      <c r="R15" s="9">
        <v>0</v>
      </c>
      <c r="S15" s="9">
        <v>3.73</v>
      </c>
      <c r="T15" s="9">
        <v>0</v>
      </c>
      <c r="U15" s="52">
        <v>125.71</v>
      </c>
      <c r="V15" s="42" t="s">
        <v>57</v>
      </c>
      <c r="W15" s="42" t="s">
        <v>17</v>
      </c>
      <c r="X15" s="25" t="s">
        <v>9</v>
      </c>
    </row>
    <row r="16" spans="1:25" ht="18.75" customHeight="1" x14ac:dyDescent="0.15">
      <c r="A16" s="25" t="s">
        <v>9</v>
      </c>
      <c r="B16" s="14" t="s">
        <v>27</v>
      </c>
      <c r="C16" s="44" t="s">
        <v>27</v>
      </c>
      <c r="D16" s="52">
        <v>1723.41</v>
      </c>
      <c r="E16" s="52">
        <v>448.96999999999997</v>
      </c>
      <c r="F16" s="52">
        <v>72.580000000000013</v>
      </c>
      <c r="G16" s="9">
        <v>0.28999999999999998</v>
      </c>
      <c r="H16" s="9">
        <v>5.47</v>
      </c>
      <c r="I16" s="9">
        <v>0</v>
      </c>
      <c r="J16" s="9">
        <v>0</v>
      </c>
      <c r="K16" s="9">
        <v>5.13</v>
      </c>
      <c r="L16" s="9">
        <v>0</v>
      </c>
      <c r="M16" s="9">
        <v>0</v>
      </c>
      <c r="N16" s="9">
        <v>101.42</v>
      </c>
      <c r="O16" s="9">
        <v>0</v>
      </c>
      <c r="P16" s="9">
        <v>7.49</v>
      </c>
      <c r="Q16" s="9">
        <v>129.16999999999999</v>
      </c>
      <c r="R16" s="9">
        <v>0</v>
      </c>
      <c r="S16" s="9">
        <v>126.39</v>
      </c>
      <c r="T16" s="9">
        <v>4.0200000000000005</v>
      </c>
      <c r="U16" s="52">
        <v>2624.3399999999997</v>
      </c>
      <c r="V16" s="44" t="s">
        <v>27</v>
      </c>
      <c r="W16" s="14" t="s">
        <v>27</v>
      </c>
      <c r="X16" s="25" t="s">
        <v>9</v>
      </c>
    </row>
    <row r="17" spans="1:24" ht="18.75" customHeight="1" x14ac:dyDescent="0.15">
      <c r="A17" s="25" t="s">
        <v>9</v>
      </c>
      <c r="B17" s="45" t="s">
        <v>6</v>
      </c>
      <c r="C17" s="45" t="s">
        <v>6</v>
      </c>
      <c r="D17" s="54">
        <v>22168.799999999999</v>
      </c>
      <c r="E17" s="54">
        <v>2359.5099999999998</v>
      </c>
      <c r="F17" s="54">
        <v>201.75</v>
      </c>
      <c r="G17" s="12">
        <v>0.28999999999999998</v>
      </c>
      <c r="H17" s="12">
        <v>5.47</v>
      </c>
      <c r="I17" s="12">
        <v>0</v>
      </c>
      <c r="J17" s="12">
        <v>0</v>
      </c>
      <c r="K17" s="12">
        <v>63.57</v>
      </c>
      <c r="L17" s="12">
        <v>0</v>
      </c>
      <c r="M17" s="12">
        <v>0</v>
      </c>
      <c r="N17" s="12">
        <v>118.07</v>
      </c>
      <c r="O17" s="12">
        <v>33.9</v>
      </c>
      <c r="P17" s="12">
        <v>7.49</v>
      </c>
      <c r="Q17" s="12">
        <v>129.16999999999999</v>
      </c>
      <c r="R17" s="12">
        <v>0</v>
      </c>
      <c r="S17" s="35">
        <v>443.42</v>
      </c>
      <c r="T17" s="36">
        <v>6.9300000000000006</v>
      </c>
      <c r="U17" s="54">
        <v>25538.370000000003</v>
      </c>
      <c r="V17" s="45" t="s">
        <v>6</v>
      </c>
      <c r="W17" s="45" t="s">
        <v>6</v>
      </c>
      <c r="X17" s="25" t="s">
        <v>9</v>
      </c>
    </row>
    <row r="18" spans="1:24" ht="18.75" customHeight="1" x14ac:dyDescent="0.15">
      <c r="A18" s="25" t="s">
        <v>9</v>
      </c>
      <c r="B18" s="40" t="s">
        <v>18</v>
      </c>
      <c r="C18" s="40" t="s">
        <v>58</v>
      </c>
      <c r="D18" s="52">
        <v>412.29</v>
      </c>
      <c r="E18" s="52">
        <v>320.39</v>
      </c>
      <c r="F18" s="52">
        <v>52.03</v>
      </c>
      <c r="G18" s="9">
        <v>17.27</v>
      </c>
      <c r="H18" s="9">
        <v>40.35</v>
      </c>
      <c r="I18" s="9">
        <v>0</v>
      </c>
      <c r="J18" s="9">
        <v>0</v>
      </c>
      <c r="K18" s="9">
        <v>0</v>
      </c>
      <c r="L18" s="9">
        <v>0</v>
      </c>
      <c r="M18" s="9">
        <v>0</v>
      </c>
      <c r="N18" s="9">
        <v>0</v>
      </c>
      <c r="O18" s="9">
        <v>0</v>
      </c>
      <c r="P18" s="9">
        <v>0</v>
      </c>
      <c r="Q18" s="9">
        <v>119.58</v>
      </c>
      <c r="R18" s="9">
        <v>0</v>
      </c>
      <c r="S18" s="9">
        <v>19.829999999999998</v>
      </c>
      <c r="T18" s="9">
        <v>53.77</v>
      </c>
      <c r="U18" s="52">
        <v>1035.5100000000002</v>
      </c>
      <c r="V18" s="40" t="s">
        <v>58</v>
      </c>
      <c r="W18" s="40" t="s">
        <v>18</v>
      </c>
      <c r="X18" s="25" t="s">
        <v>9</v>
      </c>
    </row>
    <row r="19" spans="1:24" ht="18.75" customHeight="1" x14ac:dyDescent="0.15">
      <c r="A19" s="25" t="s">
        <v>9</v>
      </c>
      <c r="B19" s="42" t="s">
        <v>18</v>
      </c>
      <c r="C19" s="42" t="s">
        <v>59</v>
      </c>
      <c r="D19" s="52">
        <v>6510.07</v>
      </c>
      <c r="E19" s="52">
        <v>466.86</v>
      </c>
      <c r="F19" s="52">
        <v>10.11</v>
      </c>
      <c r="G19" s="9">
        <v>0</v>
      </c>
      <c r="H19" s="9">
        <v>0</v>
      </c>
      <c r="I19" s="9">
        <v>0</v>
      </c>
      <c r="J19" s="9">
        <v>0</v>
      </c>
      <c r="K19" s="9">
        <v>0</v>
      </c>
      <c r="L19" s="9">
        <v>0</v>
      </c>
      <c r="M19" s="9">
        <v>0</v>
      </c>
      <c r="N19" s="9">
        <v>0</v>
      </c>
      <c r="O19" s="9">
        <v>0</v>
      </c>
      <c r="P19" s="9">
        <v>0</v>
      </c>
      <c r="Q19" s="9">
        <v>0</v>
      </c>
      <c r="R19" s="9">
        <v>0</v>
      </c>
      <c r="S19" s="9">
        <v>121.65</v>
      </c>
      <c r="T19" s="9">
        <v>0.41</v>
      </c>
      <c r="U19" s="52">
        <v>7109.0999999999985</v>
      </c>
      <c r="V19" s="42" t="s">
        <v>59</v>
      </c>
      <c r="W19" s="42" t="s">
        <v>18</v>
      </c>
      <c r="X19" s="25" t="s">
        <v>9</v>
      </c>
    </row>
    <row r="20" spans="1:24" ht="18.75" customHeight="1" x14ac:dyDescent="0.15">
      <c r="A20" s="25" t="s">
        <v>9</v>
      </c>
      <c r="B20" s="42" t="s">
        <v>18</v>
      </c>
      <c r="C20" s="42" t="s">
        <v>60</v>
      </c>
      <c r="D20" s="52">
        <v>4662.32</v>
      </c>
      <c r="E20" s="52">
        <v>208.15</v>
      </c>
      <c r="F20" s="52">
        <v>20.13</v>
      </c>
      <c r="G20" s="9">
        <v>0</v>
      </c>
      <c r="H20" s="9">
        <v>0</v>
      </c>
      <c r="I20" s="9">
        <v>0</v>
      </c>
      <c r="J20" s="9">
        <v>0</v>
      </c>
      <c r="K20" s="9">
        <v>0</v>
      </c>
      <c r="L20" s="9">
        <v>0</v>
      </c>
      <c r="M20" s="9">
        <v>0</v>
      </c>
      <c r="N20" s="9">
        <v>1.1299999999999999</v>
      </c>
      <c r="O20" s="9">
        <v>0</v>
      </c>
      <c r="P20" s="9">
        <v>0</v>
      </c>
      <c r="Q20" s="9">
        <v>0</v>
      </c>
      <c r="R20" s="9">
        <v>0</v>
      </c>
      <c r="S20" s="9">
        <v>0</v>
      </c>
      <c r="T20" s="9">
        <v>0</v>
      </c>
      <c r="U20" s="52">
        <v>4891.7299999999996</v>
      </c>
      <c r="V20" s="42" t="s">
        <v>60</v>
      </c>
      <c r="W20" s="42" t="s">
        <v>18</v>
      </c>
      <c r="X20" s="25" t="s">
        <v>9</v>
      </c>
    </row>
    <row r="21" spans="1:24" ht="18.75" customHeight="1" x14ac:dyDescent="0.15">
      <c r="A21" s="25" t="s">
        <v>9</v>
      </c>
      <c r="B21" s="42" t="s">
        <v>18</v>
      </c>
      <c r="C21" s="42" t="s">
        <v>61</v>
      </c>
      <c r="D21" s="52">
        <v>4475.53</v>
      </c>
      <c r="E21" s="52">
        <v>207.36</v>
      </c>
      <c r="F21" s="52">
        <v>30.82</v>
      </c>
      <c r="G21" s="9">
        <v>0</v>
      </c>
      <c r="H21" s="9">
        <v>0</v>
      </c>
      <c r="I21" s="9">
        <v>0</v>
      </c>
      <c r="J21" s="9">
        <v>0</v>
      </c>
      <c r="K21" s="9">
        <v>0</v>
      </c>
      <c r="L21" s="9">
        <v>0</v>
      </c>
      <c r="M21" s="9">
        <v>0</v>
      </c>
      <c r="N21" s="9">
        <v>0.87</v>
      </c>
      <c r="O21" s="9">
        <v>0</v>
      </c>
      <c r="P21" s="9">
        <v>0</v>
      </c>
      <c r="Q21" s="9">
        <v>0</v>
      </c>
      <c r="R21" s="9">
        <v>0</v>
      </c>
      <c r="S21" s="9">
        <v>4.46</v>
      </c>
      <c r="T21" s="9">
        <v>0</v>
      </c>
      <c r="U21" s="52">
        <v>4719.0399999999991</v>
      </c>
      <c r="V21" s="42" t="s">
        <v>61</v>
      </c>
      <c r="W21" s="42" t="s">
        <v>18</v>
      </c>
      <c r="X21" s="25" t="s">
        <v>9</v>
      </c>
    </row>
    <row r="22" spans="1:24" ht="18.75" customHeight="1" x14ac:dyDescent="0.15">
      <c r="A22" s="25" t="s">
        <v>9</v>
      </c>
      <c r="B22" s="42" t="s">
        <v>18</v>
      </c>
      <c r="C22" s="42" t="s">
        <v>62</v>
      </c>
      <c r="D22" s="52">
        <v>86.12</v>
      </c>
      <c r="E22" s="52">
        <v>446.91</v>
      </c>
      <c r="F22" s="52">
        <v>113.48</v>
      </c>
      <c r="G22" s="9">
        <v>0</v>
      </c>
      <c r="H22" s="9">
        <v>1.1599999999999999</v>
      </c>
      <c r="I22" s="9">
        <v>0</v>
      </c>
      <c r="J22" s="9">
        <v>0</v>
      </c>
      <c r="K22" s="9">
        <v>0</v>
      </c>
      <c r="L22" s="9">
        <v>0</v>
      </c>
      <c r="M22" s="9">
        <v>0</v>
      </c>
      <c r="N22" s="9">
        <v>0</v>
      </c>
      <c r="O22" s="9">
        <v>0</v>
      </c>
      <c r="P22" s="9">
        <v>0</v>
      </c>
      <c r="Q22" s="9">
        <v>48.32</v>
      </c>
      <c r="R22" s="9">
        <v>0</v>
      </c>
      <c r="S22" s="9">
        <v>112.17</v>
      </c>
      <c r="T22" s="9">
        <v>0</v>
      </c>
      <c r="U22" s="52">
        <v>808.16</v>
      </c>
      <c r="V22" s="42" t="s">
        <v>62</v>
      </c>
      <c r="W22" s="42" t="s">
        <v>18</v>
      </c>
      <c r="X22" s="25" t="s">
        <v>9</v>
      </c>
    </row>
    <row r="23" spans="1:24" ht="18.75" customHeight="1" x14ac:dyDescent="0.15">
      <c r="A23" s="25" t="s">
        <v>9</v>
      </c>
      <c r="B23" s="42" t="s">
        <v>18</v>
      </c>
      <c r="C23" s="30" t="s">
        <v>27</v>
      </c>
      <c r="D23" s="52">
        <v>16146.33</v>
      </c>
      <c r="E23" s="52">
        <v>1649.67</v>
      </c>
      <c r="F23" s="52">
        <v>226.57</v>
      </c>
      <c r="G23" s="9">
        <v>17.27</v>
      </c>
      <c r="H23" s="9">
        <v>41.51</v>
      </c>
      <c r="I23" s="9">
        <v>0</v>
      </c>
      <c r="J23" s="9">
        <v>0</v>
      </c>
      <c r="K23" s="9">
        <v>0</v>
      </c>
      <c r="L23" s="9">
        <v>0</v>
      </c>
      <c r="M23" s="9">
        <v>0</v>
      </c>
      <c r="N23" s="9">
        <v>2</v>
      </c>
      <c r="O23" s="9">
        <v>0</v>
      </c>
      <c r="P23" s="9">
        <v>0</v>
      </c>
      <c r="Q23" s="9">
        <v>167.9</v>
      </c>
      <c r="R23" s="9">
        <v>0</v>
      </c>
      <c r="S23" s="9">
        <v>258.11</v>
      </c>
      <c r="T23" s="9">
        <v>54.18</v>
      </c>
      <c r="U23" s="52">
        <v>18563.539999999997</v>
      </c>
      <c r="V23" s="30" t="s">
        <v>27</v>
      </c>
      <c r="W23" s="42" t="s">
        <v>18</v>
      </c>
      <c r="X23" s="25" t="s">
        <v>9</v>
      </c>
    </row>
    <row r="24" spans="1:24" ht="18.75" customHeight="1" x14ac:dyDescent="0.15">
      <c r="A24" s="25" t="s">
        <v>9</v>
      </c>
      <c r="B24" s="41" t="s">
        <v>19</v>
      </c>
      <c r="C24" s="41" t="s">
        <v>63</v>
      </c>
      <c r="D24" s="51">
        <v>739.32</v>
      </c>
      <c r="E24" s="51">
        <v>267.39</v>
      </c>
      <c r="F24" s="51">
        <v>39.83</v>
      </c>
      <c r="G24" s="8">
        <v>51.61</v>
      </c>
      <c r="H24" s="8">
        <v>59.24</v>
      </c>
      <c r="I24" s="8">
        <v>0</v>
      </c>
      <c r="J24" s="8">
        <v>0</v>
      </c>
      <c r="K24" s="8">
        <v>0</v>
      </c>
      <c r="L24" s="8">
        <v>0</v>
      </c>
      <c r="M24" s="8">
        <v>0</v>
      </c>
      <c r="N24" s="8">
        <v>0</v>
      </c>
      <c r="O24" s="8">
        <v>46.48</v>
      </c>
      <c r="P24" s="8">
        <v>0</v>
      </c>
      <c r="Q24" s="8">
        <v>13.37</v>
      </c>
      <c r="R24" s="8">
        <v>0</v>
      </c>
      <c r="S24" s="8">
        <v>47.45</v>
      </c>
      <c r="T24" s="8">
        <v>0.27</v>
      </c>
      <c r="U24" s="51">
        <v>1264.9599999999998</v>
      </c>
      <c r="V24" s="41" t="s">
        <v>63</v>
      </c>
      <c r="W24" s="41" t="s">
        <v>19</v>
      </c>
      <c r="X24" s="25" t="s">
        <v>9</v>
      </c>
    </row>
    <row r="25" spans="1:24" ht="18.75" customHeight="1" x14ac:dyDescent="0.15">
      <c r="A25" s="25" t="s">
        <v>9</v>
      </c>
      <c r="B25" s="42" t="s">
        <v>19</v>
      </c>
      <c r="C25" s="42" t="s">
        <v>64</v>
      </c>
      <c r="D25" s="52">
        <v>1281.3599999999999</v>
      </c>
      <c r="E25" s="52">
        <v>856.24</v>
      </c>
      <c r="F25" s="52">
        <v>33.520000000000003</v>
      </c>
      <c r="G25" s="9">
        <v>0</v>
      </c>
      <c r="H25" s="9">
        <v>0</v>
      </c>
      <c r="I25" s="9">
        <v>0</v>
      </c>
      <c r="J25" s="9">
        <v>0</v>
      </c>
      <c r="K25" s="9">
        <v>0</v>
      </c>
      <c r="L25" s="9">
        <v>0</v>
      </c>
      <c r="M25" s="9">
        <v>0</v>
      </c>
      <c r="N25" s="9">
        <v>0</v>
      </c>
      <c r="O25" s="9">
        <v>54.79</v>
      </c>
      <c r="P25" s="9">
        <v>0</v>
      </c>
      <c r="Q25" s="9">
        <v>0</v>
      </c>
      <c r="R25" s="9">
        <v>0</v>
      </c>
      <c r="S25" s="9">
        <v>0</v>
      </c>
      <c r="T25" s="9">
        <v>0</v>
      </c>
      <c r="U25" s="52">
        <v>2225.91</v>
      </c>
      <c r="V25" s="42" t="s">
        <v>64</v>
      </c>
      <c r="W25" s="42" t="s">
        <v>19</v>
      </c>
      <c r="X25" s="25" t="s">
        <v>9</v>
      </c>
    </row>
    <row r="26" spans="1:24" ht="18.75" customHeight="1" x14ac:dyDescent="0.15">
      <c r="A26" s="25" t="s">
        <v>9</v>
      </c>
      <c r="B26" s="14" t="s">
        <v>27</v>
      </c>
      <c r="C26" s="44" t="s">
        <v>27</v>
      </c>
      <c r="D26" s="52">
        <v>2020.6799999999998</v>
      </c>
      <c r="E26" s="52">
        <v>1123.6300000000001</v>
      </c>
      <c r="F26" s="52">
        <v>73.349999999999994</v>
      </c>
      <c r="G26" s="9">
        <v>51.61</v>
      </c>
      <c r="H26" s="9">
        <v>59.24</v>
      </c>
      <c r="I26" s="9">
        <v>0</v>
      </c>
      <c r="J26" s="9">
        <v>0</v>
      </c>
      <c r="K26" s="9">
        <v>0</v>
      </c>
      <c r="L26" s="9">
        <v>0</v>
      </c>
      <c r="M26" s="9">
        <v>0</v>
      </c>
      <c r="N26" s="9">
        <v>0</v>
      </c>
      <c r="O26" s="9">
        <v>101.27</v>
      </c>
      <c r="P26" s="9">
        <v>0</v>
      </c>
      <c r="Q26" s="9">
        <v>13.37</v>
      </c>
      <c r="R26" s="9">
        <v>0</v>
      </c>
      <c r="S26" s="9">
        <v>47.45</v>
      </c>
      <c r="T26" s="9">
        <v>0.27</v>
      </c>
      <c r="U26" s="52">
        <v>3490.87</v>
      </c>
      <c r="V26" s="44" t="s">
        <v>27</v>
      </c>
      <c r="W26" s="14" t="s">
        <v>27</v>
      </c>
      <c r="X26" s="25" t="s">
        <v>9</v>
      </c>
    </row>
    <row r="27" spans="1:24" ht="18.75" customHeight="1" x14ac:dyDescent="0.15">
      <c r="A27" s="25" t="s">
        <v>9</v>
      </c>
      <c r="B27" s="45" t="s">
        <v>6</v>
      </c>
      <c r="C27" s="45" t="s">
        <v>6</v>
      </c>
      <c r="D27" s="54">
        <v>18167.009999999998</v>
      </c>
      <c r="E27" s="54">
        <v>2773.3</v>
      </c>
      <c r="F27" s="54">
        <v>299.91999999999996</v>
      </c>
      <c r="G27" s="12">
        <v>68.88</v>
      </c>
      <c r="H27" s="12">
        <v>100.75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  <c r="N27" s="12">
        <v>2</v>
      </c>
      <c r="O27" s="12">
        <v>101.27</v>
      </c>
      <c r="P27" s="12">
        <v>0</v>
      </c>
      <c r="Q27" s="12">
        <v>181.27</v>
      </c>
      <c r="R27" s="12">
        <v>0</v>
      </c>
      <c r="S27" s="12">
        <v>305.56</v>
      </c>
      <c r="T27" s="12">
        <v>54.45</v>
      </c>
      <c r="U27" s="54">
        <v>22054.409999999996</v>
      </c>
      <c r="V27" s="45" t="s">
        <v>6</v>
      </c>
      <c r="W27" s="45" t="s">
        <v>6</v>
      </c>
      <c r="X27" s="25" t="s">
        <v>9</v>
      </c>
    </row>
    <row r="28" spans="1:24" ht="18.75" customHeight="1" x14ac:dyDescent="0.15">
      <c r="A28" s="25" t="s">
        <v>9</v>
      </c>
      <c r="B28" s="46" t="s">
        <v>27</v>
      </c>
      <c r="C28" s="46" t="s">
        <v>27</v>
      </c>
      <c r="D28" s="55">
        <v>40335.81</v>
      </c>
      <c r="E28" s="55">
        <v>5132.8099999999995</v>
      </c>
      <c r="F28" s="55">
        <v>501.66999999999996</v>
      </c>
      <c r="G28" s="13">
        <v>69.17</v>
      </c>
      <c r="H28" s="13">
        <v>106.22</v>
      </c>
      <c r="I28" s="13">
        <v>0</v>
      </c>
      <c r="J28" s="13">
        <v>0</v>
      </c>
      <c r="K28" s="13">
        <v>63.57</v>
      </c>
      <c r="L28" s="13">
        <v>0</v>
      </c>
      <c r="M28" s="13">
        <v>0</v>
      </c>
      <c r="N28" s="13">
        <v>120.07</v>
      </c>
      <c r="O28" s="13">
        <v>135.16999999999999</v>
      </c>
      <c r="P28" s="13">
        <v>7.49</v>
      </c>
      <c r="Q28" s="13">
        <v>310.44</v>
      </c>
      <c r="R28" s="13">
        <v>0</v>
      </c>
      <c r="S28" s="13">
        <v>748.98</v>
      </c>
      <c r="T28" s="13">
        <v>61.38</v>
      </c>
      <c r="U28" s="55">
        <v>47592.78</v>
      </c>
      <c r="V28" s="46" t="s">
        <v>27</v>
      </c>
      <c r="W28" s="46" t="s">
        <v>27</v>
      </c>
      <c r="X28" s="25" t="s">
        <v>9</v>
      </c>
    </row>
    <row r="29" spans="1:24" ht="18.75" customHeight="1" x14ac:dyDescent="0.15">
      <c r="A29" s="25" t="s">
        <v>10</v>
      </c>
      <c r="B29" s="40" t="s">
        <v>20</v>
      </c>
      <c r="C29" s="40" t="s">
        <v>65</v>
      </c>
      <c r="D29" s="50">
        <v>30.69</v>
      </c>
      <c r="E29" s="50">
        <v>118.98</v>
      </c>
      <c r="F29" s="50">
        <v>29.84</v>
      </c>
      <c r="G29" s="7">
        <v>0</v>
      </c>
      <c r="H29" s="7">
        <v>0.6</v>
      </c>
      <c r="I29" s="7">
        <v>0</v>
      </c>
      <c r="J29" s="7">
        <v>0</v>
      </c>
      <c r="K29" s="7">
        <v>0</v>
      </c>
      <c r="L29" s="7">
        <v>0</v>
      </c>
      <c r="M29" s="7">
        <v>0</v>
      </c>
      <c r="N29" s="7">
        <v>0</v>
      </c>
      <c r="O29" s="7">
        <v>0</v>
      </c>
      <c r="P29" s="7">
        <v>0</v>
      </c>
      <c r="Q29" s="7">
        <v>0</v>
      </c>
      <c r="R29" s="7">
        <v>0</v>
      </c>
      <c r="S29" s="7">
        <v>5.62</v>
      </c>
      <c r="T29" s="7">
        <v>5.13</v>
      </c>
      <c r="U29" s="7">
        <v>190.86</v>
      </c>
      <c r="V29" s="40" t="s">
        <v>65</v>
      </c>
      <c r="W29" s="40" t="s">
        <v>20</v>
      </c>
      <c r="X29" s="25" t="s">
        <v>10</v>
      </c>
    </row>
    <row r="30" spans="1:24" ht="18.75" customHeight="1" x14ac:dyDescent="0.15">
      <c r="A30" s="25" t="s">
        <v>10</v>
      </c>
      <c r="B30" s="42" t="s">
        <v>20</v>
      </c>
      <c r="C30" s="42" t="s">
        <v>66</v>
      </c>
      <c r="D30" s="9">
        <v>0</v>
      </c>
      <c r="E30" s="9">
        <v>11.8</v>
      </c>
      <c r="F30" s="9">
        <v>37.21</v>
      </c>
      <c r="G30" s="9">
        <v>0</v>
      </c>
      <c r="H30" s="9">
        <v>2.1800000000000002</v>
      </c>
      <c r="I30" s="9">
        <v>0</v>
      </c>
      <c r="J30" s="9">
        <v>0</v>
      </c>
      <c r="K30" s="9">
        <v>0</v>
      </c>
      <c r="L30" s="9">
        <v>0</v>
      </c>
      <c r="M30" s="9">
        <v>0</v>
      </c>
      <c r="N30" s="9">
        <v>0</v>
      </c>
      <c r="O30" s="9">
        <v>0</v>
      </c>
      <c r="P30" s="9">
        <v>0</v>
      </c>
      <c r="Q30" s="9">
        <v>1.1100000000000001</v>
      </c>
      <c r="R30" s="9">
        <v>0</v>
      </c>
      <c r="S30" s="9">
        <v>0</v>
      </c>
      <c r="T30" s="9">
        <v>1.39</v>
      </c>
      <c r="U30" s="9">
        <v>53.690000000000005</v>
      </c>
      <c r="V30" s="42" t="s">
        <v>66</v>
      </c>
      <c r="W30" s="42" t="s">
        <v>20</v>
      </c>
      <c r="X30" s="25" t="s">
        <v>10</v>
      </c>
    </row>
    <row r="31" spans="1:24" ht="18.75" customHeight="1" x14ac:dyDescent="0.15">
      <c r="A31" s="25" t="s">
        <v>10</v>
      </c>
      <c r="B31" s="42" t="s">
        <v>20</v>
      </c>
      <c r="C31" s="42" t="s">
        <v>67</v>
      </c>
      <c r="D31" s="9">
        <v>127.39</v>
      </c>
      <c r="E31" s="9">
        <v>7.7</v>
      </c>
      <c r="F31" s="9">
        <v>13.77</v>
      </c>
      <c r="G31" s="9">
        <v>0</v>
      </c>
      <c r="H31" s="9">
        <v>2.08</v>
      </c>
      <c r="I31" s="9">
        <v>0</v>
      </c>
      <c r="J31" s="9">
        <v>0</v>
      </c>
      <c r="K31" s="9">
        <v>0</v>
      </c>
      <c r="L31" s="9">
        <v>0</v>
      </c>
      <c r="M31" s="9">
        <v>0</v>
      </c>
      <c r="N31" s="9">
        <v>0</v>
      </c>
      <c r="O31" s="9">
        <v>0</v>
      </c>
      <c r="P31" s="9">
        <v>0.19</v>
      </c>
      <c r="Q31" s="9">
        <v>28.78</v>
      </c>
      <c r="R31" s="9">
        <v>0</v>
      </c>
      <c r="S31" s="9">
        <v>0</v>
      </c>
      <c r="T31" s="9">
        <v>5.66</v>
      </c>
      <c r="U31" s="9">
        <v>185.57000000000002</v>
      </c>
      <c r="V31" s="42" t="s">
        <v>67</v>
      </c>
      <c r="W31" s="42" t="s">
        <v>20</v>
      </c>
      <c r="X31" s="25" t="s">
        <v>10</v>
      </c>
    </row>
    <row r="32" spans="1:24" ht="18.75" customHeight="1" x14ac:dyDescent="0.15">
      <c r="A32" s="25" t="s">
        <v>10</v>
      </c>
      <c r="B32" s="42" t="s">
        <v>20</v>
      </c>
      <c r="C32" s="42" t="s">
        <v>68</v>
      </c>
      <c r="D32" s="9">
        <v>35.56</v>
      </c>
      <c r="E32" s="9">
        <v>3.86</v>
      </c>
      <c r="F32" s="9">
        <v>26.97</v>
      </c>
      <c r="G32" s="9">
        <v>0</v>
      </c>
      <c r="H32" s="9">
        <v>6.4</v>
      </c>
      <c r="I32" s="9">
        <v>0</v>
      </c>
      <c r="J32" s="9">
        <v>0</v>
      </c>
      <c r="K32" s="9">
        <v>0</v>
      </c>
      <c r="L32" s="9">
        <v>0</v>
      </c>
      <c r="M32" s="9">
        <v>0</v>
      </c>
      <c r="N32" s="9">
        <v>0</v>
      </c>
      <c r="O32" s="9">
        <v>0</v>
      </c>
      <c r="P32" s="9">
        <v>1.1499999999999999</v>
      </c>
      <c r="Q32" s="9">
        <v>259.86</v>
      </c>
      <c r="R32" s="9">
        <v>0</v>
      </c>
      <c r="S32" s="9">
        <v>14.92</v>
      </c>
      <c r="T32" s="9">
        <v>27.05</v>
      </c>
      <c r="U32" s="9">
        <v>375.77000000000004</v>
      </c>
      <c r="V32" s="42" t="s">
        <v>68</v>
      </c>
      <c r="W32" s="42" t="s">
        <v>20</v>
      </c>
      <c r="X32" s="25" t="s">
        <v>10</v>
      </c>
    </row>
    <row r="33" spans="1:24" ht="18.75" customHeight="1" x14ac:dyDescent="0.15">
      <c r="A33" s="25" t="s">
        <v>10</v>
      </c>
      <c r="B33" s="42" t="s">
        <v>20</v>
      </c>
      <c r="C33" s="42" t="s">
        <v>69</v>
      </c>
      <c r="D33" s="9">
        <v>140.9</v>
      </c>
      <c r="E33" s="9">
        <v>127.09</v>
      </c>
      <c r="F33" s="9">
        <v>7.49</v>
      </c>
      <c r="G33" s="9">
        <v>0</v>
      </c>
      <c r="H33" s="9">
        <v>0</v>
      </c>
      <c r="I33" s="9">
        <v>0</v>
      </c>
      <c r="J33" s="9">
        <v>0</v>
      </c>
      <c r="K33" s="9">
        <v>0</v>
      </c>
      <c r="L33" s="9">
        <v>0</v>
      </c>
      <c r="M33" s="9">
        <v>0</v>
      </c>
      <c r="N33" s="9">
        <v>1.44</v>
      </c>
      <c r="O33" s="9">
        <v>0</v>
      </c>
      <c r="P33" s="9">
        <v>0</v>
      </c>
      <c r="Q33" s="9">
        <v>0</v>
      </c>
      <c r="R33" s="9">
        <v>0</v>
      </c>
      <c r="S33" s="9">
        <v>0</v>
      </c>
      <c r="T33" s="9">
        <v>0.74</v>
      </c>
      <c r="U33" s="9">
        <v>277.66000000000003</v>
      </c>
      <c r="V33" s="42" t="s">
        <v>69</v>
      </c>
      <c r="W33" s="42" t="s">
        <v>20</v>
      </c>
      <c r="X33" s="25" t="s">
        <v>10</v>
      </c>
    </row>
    <row r="34" spans="1:24" ht="18.75" customHeight="1" x14ac:dyDescent="0.15">
      <c r="A34" s="25" t="s">
        <v>10</v>
      </c>
      <c r="B34" s="42" t="s">
        <v>20</v>
      </c>
      <c r="C34" s="42" t="s">
        <v>70</v>
      </c>
      <c r="D34" s="9">
        <v>0</v>
      </c>
      <c r="E34" s="9">
        <v>26.52</v>
      </c>
      <c r="F34" s="9">
        <v>2.0699999999999998</v>
      </c>
      <c r="G34" s="9">
        <v>0</v>
      </c>
      <c r="H34" s="9">
        <v>0</v>
      </c>
      <c r="I34" s="9">
        <v>0</v>
      </c>
      <c r="J34" s="9">
        <v>0</v>
      </c>
      <c r="K34" s="9">
        <v>0</v>
      </c>
      <c r="L34" s="9">
        <v>0</v>
      </c>
      <c r="M34" s="9">
        <v>0</v>
      </c>
      <c r="N34" s="9">
        <v>0</v>
      </c>
      <c r="O34" s="9">
        <v>0</v>
      </c>
      <c r="P34" s="9">
        <v>0</v>
      </c>
      <c r="Q34" s="9">
        <v>0</v>
      </c>
      <c r="R34" s="9">
        <v>0</v>
      </c>
      <c r="S34" s="9">
        <v>6.1</v>
      </c>
      <c r="T34" s="9">
        <v>0</v>
      </c>
      <c r="U34" s="9">
        <v>34.69</v>
      </c>
      <c r="V34" s="42" t="s">
        <v>70</v>
      </c>
      <c r="W34" s="42" t="s">
        <v>20</v>
      </c>
      <c r="X34" s="25" t="s">
        <v>10</v>
      </c>
    </row>
    <row r="35" spans="1:24" ht="18.75" customHeight="1" x14ac:dyDescent="0.15">
      <c r="A35" s="25" t="s">
        <v>10</v>
      </c>
      <c r="B35" s="42" t="s">
        <v>20</v>
      </c>
      <c r="C35" s="42" t="s">
        <v>71</v>
      </c>
      <c r="D35" s="9">
        <v>0</v>
      </c>
      <c r="E35" s="9">
        <v>19.489999999999998</v>
      </c>
      <c r="F35" s="9">
        <v>0.56000000000000005</v>
      </c>
      <c r="G35" s="9">
        <v>0</v>
      </c>
      <c r="H35" s="9">
        <v>0</v>
      </c>
      <c r="I35" s="9">
        <v>0</v>
      </c>
      <c r="J35" s="9">
        <v>0</v>
      </c>
      <c r="K35" s="9">
        <v>0</v>
      </c>
      <c r="L35" s="9">
        <v>0</v>
      </c>
      <c r="M35" s="9">
        <v>0</v>
      </c>
      <c r="N35" s="9">
        <v>0</v>
      </c>
      <c r="O35" s="9">
        <v>0</v>
      </c>
      <c r="P35" s="9">
        <v>0</v>
      </c>
      <c r="Q35" s="9">
        <v>0</v>
      </c>
      <c r="R35" s="9">
        <v>0</v>
      </c>
      <c r="S35" s="9">
        <v>0</v>
      </c>
      <c r="T35" s="9">
        <v>0</v>
      </c>
      <c r="U35" s="9">
        <v>20.049999999999997</v>
      </c>
      <c r="V35" s="42" t="s">
        <v>71</v>
      </c>
      <c r="W35" s="42" t="s">
        <v>20</v>
      </c>
      <c r="X35" s="25" t="s">
        <v>10</v>
      </c>
    </row>
    <row r="36" spans="1:24" ht="18.75" customHeight="1" x14ac:dyDescent="0.15">
      <c r="A36" s="25" t="s">
        <v>10</v>
      </c>
      <c r="B36" s="42" t="s">
        <v>20</v>
      </c>
      <c r="C36" s="42" t="s">
        <v>72</v>
      </c>
      <c r="D36" s="9">
        <v>0</v>
      </c>
      <c r="E36" s="9">
        <v>0</v>
      </c>
      <c r="F36" s="9">
        <v>0</v>
      </c>
      <c r="G36" s="9">
        <v>0</v>
      </c>
      <c r="H36" s="9">
        <v>0</v>
      </c>
      <c r="I36" s="9">
        <v>0</v>
      </c>
      <c r="J36" s="9">
        <v>0</v>
      </c>
      <c r="K36" s="9">
        <v>0</v>
      </c>
      <c r="L36" s="9">
        <v>0</v>
      </c>
      <c r="M36" s="9">
        <v>0</v>
      </c>
      <c r="N36" s="9">
        <v>0</v>
      </c>
      <c r="O36" s="9">
        <v>0</v>
      </c>
      <c r="P36" s="9">
        <v>0</v>
      </c>
      <c r="Q36" s="9">
        <v>0</v>
      </c>
      <c r="R36" s="9">
        <v>0</v>
      </c>
      <c r="S36" s="9">
        <v>0</v>
      </c>
      <c r="T36" s="9">
        <v>0</v>
      </c>
      <c r="U36" s="9">
        <v>0</v>
      </c>
      <c r="V36" s="42" t="s">
        <v>72</v>
      </c>
      <c r="W36" s="42" t="s">
        <v>20</v>
      </c>
      <c r="X36" s="25" t="s">
        <v>10</v>
      </c>
    </row>
    <row r="37" spans="1:24" ht="18.75" customHeight="1" x14ac:dyDescent="0.15">
      <c r="A37" s="25" t="s">
        <v>10</v>
      </c>
      <c r="B37" s="42" t="s">
        <v>20</v>
      </c>
      <c r="C37" s="42" t="s">
        <v>73</v>
      </c>
      <c r="D37" s="9">
        <v>150.43</v>
      </c>
      <c r="E37" s="9">
        <v>64.180000000000007</v>
      </c>
      <c r="F37" s="9">
        <v>2.37</v>
      </c>
      <c r="G37" s="9">
        <v>0</v>
      </c>
      <c r="H37" s="9">
        <v>0</v>
      </c>
      <c r="I37" s="9">
        <v>0</v>
      </c>
      <c r="J37" s="9">
        <v>0</v>
      </c>
      <c r="K37" s="9">
        <v>0</v>
      </c>
      <c r="L37" s="9">
        <v>0</v>
      </c>
      <c r="M37" s="9">
        <v>0</v>
      </c>
      <c r="N37" s="9">
        <v>0</v>
      </c>
      <c r="O37" s="9">
        <v>0</v>
      </c>
      <c r="P37" s="9">
        <v>0</v>
      </c>
      <c r="Q37" s="9">
        <v>0</v>
      </c>
      <c r="R37" s="9">
        <v>0</v>
      </c>
      <c r="S37" s="9">
        <v>0</v>
      </c>
      <c r="T37" s="9">
        <v>4.3</v>
      </c>
      <c r="U37" s="9">
        <v>221.28000000000003</v>
      </c>
      <c r="V37" s="42" t="s">
        <v>73</v>
      </c>
      <c r="W37" s="42" t="s">
        <v>20</v>
      </c>
      <c r="X37" s="25" t="s">
        <v>10</v>
      </c>
    </row>
    <row r="38" spans="1:24" ht="18.75" customHeight="1" x14ac:dyDescent="0.15">
      <c r="A38" s="25" t="s">
        <v>10</v>
      </c>
      <c r="B38" s="5" t="s">
        <v>27</v>
      </c>
      <c r="C38" s="30" t="s">
        <v>27</v>
      </c>
      <c r="D38" s="9">
        <v>484.97</v>
      </c>
      <c r="E38" s="9">
        <v>379.62</v>
      </c>
      <c r="F38" s="9">
        <v>120.27999999999999</v>
      </c>
      <c r="G38" s="9">
        <v>0</v>
      </c>
      <c r="H38" s="9">
        <v>11.260000000000002</v>
      </c>
      <c r="I38" s="9">
        <v>0</v>
      </c>
      <c r="J38" s="9">
        <v>0</v>
      </c>
      <c r="K38" s="9">
        <v>0</v>
      </c>
      <c r="L38" s="9">
        <v>0</v>
      </c>
      <c r="M38" s="9">
        <v>0</v>
      </c>
      <c r="N38" s="9">
        <v>1.44</v>
      </c>
      <c r="O38" s="9">
        <v>0</v>
      </c>
      <c r="P38" s="9">
        <v>1.3399999999999999</v>
      </c>
      <c r="Q38" s="9">
        <v>289.75</v>
      </c>
      <c r="R38" s="9">
        <v>0</v>
      </c>
      <c r="S38" s="9">
        <v>26.64</v>
      </c>
      <c r="T38" s="9">
        <v>44.27</v>
      </c>
      <c r="U38" s="52">
        <v>1359.5700000000002</v>
      </c>
      <c r="V38" s="30" t="s">
        <v>27</v>
      </c>
      <c r="W38" s="5" t="s">
        <v>27</v>
      </c>
      <c r="X38" s="25" t="s">
        <v>10</v>
      </c>
    </row>
    <row r="39" spans="1:24" ht="18.75" customHeight="1" x14ac:dyDescent="0.15">
      <c r="A39" s="25" t="s">
        <v>10</v>
      </c>
      <c r="B39" s="41" t="s">
        <v>21</v>
      </c>
      <c r="C39" s="41" t="s">
        <v>74</v>
      </c>
      <c r="D39" s="8">
        <v>51.91</v>
      </c>
      <c r="E39" s="8">
        <v>122.74</v>
      </c>
      <c r="F39" s="8">
        <v>10</v>
      </c>
      <c r="G39" s="8">
        <v>0</v>
      </c>
      <c r="H39" s="8">
        <v>0</v>
      </c>
      <c r="I39" s="8">
        <v>0</v>
      </c>
      <c r="J39" s="8">
        <v>0</v>
      </c>
      <c r="K39" s="8">
        <v>0</v>
      </c>
      <c r="L39" s="8">
        <v>0</v>
      </c>
      <c r="M39" s="8">
        <v>0</v>
      </c>
      <c r="N39" s="8">
        <v>0</v>
      </c>
      <c r="O39" s="8">
        <v>0</v>
      </c>
      <c r="P39" s="8">
        <v>0</v>
      </c>
      <c r="Q39" s="8">
        <v>13.45</v>
      </c>
      <c r="R39" s="8">
        <v>0</v>
      </c>
      <c r="S39" s="8">
        <v>16.25</v>
      </c>
      <c r="T39" s="8">
        <v>33.25</v>
      </c>
      <c r="U39" s="51">
        <v>247.59999999999997</v>
      </c>
      <c r="V39" s="41" t="s">
        <v>74</v>
      </c>
      <c r="W39" s="41" t="s">
        <v>21</v>
      </c>
      <c r="X39" s="25" t="s">
        <v>10</v>
      </c>
    </row>
    <row r="40" spans="1:24" ht="18.75" customHeight="1" x14ac:dyDescent="0.15">
      <c r="A40" s="25" t="s">
        <v>10</v>
      </c>
      <c r="B40" s="42" t="s">
        <v>21</v>
      </c>
      <c r="C40" s="42" t="s">
        <v>75</v>
      </c>
      <c r="D40" s="52">
        <v>9352.19</v>
      </c>
      <c r="E40" s="52">
        <v>273.33999999999997</v>
      </c>
      <c r="F40" s="52">
        <v>37.15</v>
      </c>
      <c r="G40" s="9">
        <v>0</v>
      </c>
      <c r="H40" s="9">
        <v>0</v>
      </c>
      <c r="I40" s="9">
        <v>0</v>
      </c>
      <c r="J40" s="9">
        <v>0</v>
      </c>
      <c r="K40" s="9">
        <v>0</v>
      </c>
      <c r="L40" s="9">
        <v>0</v>
      </c>
      <c r="M40" s="9">
        <v>0</v>
      </c>
      <c r="N40" s="9">
        <v>1.17</v>
      </c>
      <c r="O40" s="9">
        <v>0</v>
      </c>
      <c r="P40" s="9">
        <v>0</v>
      </c>
      <c r="Q40" s="9">
        <v>0</v>
      </c>
      <c r="R40" s="9">
        <v>0</v>
      </c>
      <c r="S40" s="9">
        <v>0</v>
      </c>
      <c r="T40" s="9">
        <v>2.54</v>
      </c>
      <c r="U40" s="52">
        <v>9666.3900000000012</v>
      </c>
      <c r="V40" s="42" t="s">
        <v>75</v>
      </c>
      <c r="W40" s="42" t="s">
        <v>21</v>
      </c>
      <c r="X40" s="25" t="s">
        <v>10</v>
      </c>
    </row>
    <row r="41" spans="1:24" ht="18.75" customHeight="1" x14ac:dyDescent="0.15">
      <c r="A41" s="25" t="s">
        <v>10</v>
      </c>
      <c r="B41" s="42" t="s">
        <v>21</v>
      </c>
      <c r="C41" s="42" t="s">
        <v>76</v>
      </c>
      <c r="D41" s="52">
        <v>3185.32</v>
      </c>
      <c r="E41" s="52">
        <v>132.91</v>
      </c>
      <c r="F41" s="52">
        <v>16.09</v>
      </c>
      <c r="G41" s="9">
        <v>0</v>
      </c>
      <c r="H41" s="9">
        <v>0</v>
      </c>
      <c r="I41" s="9">
        <v>0</v>
      </c>
      <c r="J41" s="9">
        <v>0</v>
      </c>
      <c r="K41" s="9">
        <v>0</v>
      </c>
      <c r="L41" s="9">
        <v>0</v>
      </c>
      <c r="M41" s="9">
        <v>0</v>
      </c>
      <c r="N41" s="9">
        <v>0</v>
      </c>
      <c r="O41" s="9">
        <v>0</v>
      </c>
      <c r="P41" s="9">
        <v>0</v>
      </c>
      <c r="Q41" s="9">
        <v>0</v>
      </c>
      <c r="R41" s="9">
        <v>0</v>
      </c>
      <c r="S41" s="9">
        <v>0</v>
      </c>
      <c r="T41" s="9">
        <v>0.49</v>
      </c>
      <c r="U41" s="52">
        <v>3334.81</v>
      </c>
      <c r="V41" s="42" t="s">
        <v>76</v>
      </c>
      <c r="W41" s="42" t="s">
        <v>21</v>
      </c>
      <c r="X41" s="25" t="s">
        <v>10</v>
      </c>
    </row>
    <row r="42" spans="1:24" ht="18.75" customHeight="1" x14ac:dyDescent="0.15">
      <c r="A42" s="25" t="s">
        <v>10</v>
      </c>
      <c r="B42" s="14" t="s">
        <v>27</v>
      </c>
      <c r="C42" s="44" t="s">
        <v>27</v>
      </c>
      <c r="D42" s="56">
        <v>12589.42</v>
      </c>
      <c r="E42" s="56">
        <v>528.99</v>
      </c>
      <c r="F42" s="56">
        <v>63.239999999999995</v>
      </c>
      <c r="G42" s="15">
        <v>0</v>
      </c>
      <c r="H42" s="15">
        <v>0</v>
      </c>
      <c r="I42" s="15">
        <v>0</v>
      </c>
      <c r="J42" s="15">
        <v>0</v>
      </c>
      <c r="K42" s="15">
        <v>0</v>
      </c>
      <c r="L42" s="15">
        <v>0</v>
      </c>
      <c r="M42" s="15">
        <v>0</v>
      </c>
      <c r="N42" s="15">
        <v>1.17</v>
      </c>
      <c r="O42" s="15">
        <v>0</v>
      </c>
      <c r="P42" s="15">
        <v>0</v>
      </c>
      <c r="Q42" s="15">
        <v>13.45</v>
      </c>
      <c r="R42" s="15">
        <v>0</v>
      </c>
      <c r="S42" s="15">
        <v>16.25</v>
      </c>
      <c r="T42" s="15">
        <v>36.28</v>
      </c>
      <c r="U42" s="56">
        <v>13248.800000000001</v>
      </c>
      <c r="V42" s="44" t="s">
        <v>27</v>
      </c>
      <c r="W42" s="14" t="s">
        <v>27</v>
      </c>
      <c r="X42" s="25" t="s">
        <v>10</v>
      </c>
    </row>
    <row r="43" spans="1:24" ht="18.75" customHeight="1" x14ac:dyDescent="0.15">
      <c r="A43" s="25" t="s">
        <v>10</v>
      </c>
      <c r="B43" s="45" t="s">
        <v>6</v>
      </c>
      <c r="C43" s="59" t="s">
        <v>77</v>
      </c>
      <c r="D43" s="55">
        <v>13074.39</v>
      </c>
      <c r="E43" s="55">
        <v>908.61</v>
      </c>
      <c r="F43" s="55">
        <v>183.51999999999998</v>
      </c>
      <c r="G43" s="13">
        <v>0</v>
      </c>
      <c r="H43" s="13">
        <v>11.260000000000002</v>
      </c>
      <c r="I43" s="13">
        <v>0</v>
      </c>
      <c r="J43" s="13">
        <v>0</v>
      </c>
      <c r="K43" s="13">
        <v>0</v>
      </c>
      <c r="L43" s="13">
        <v>0</v>
      </c>
      <c r="M43" s="13">
        <v>0</v>
      </c>
      <c r="N43" s="13">
        <v>2.61</v>
      </c>
      <c r="O43" s="13">
        <v>0</v>
      </c>
      <c r="P43" s="13">
        <v>1.3399999999999999</v>
      </c>
      <c r="Q43" s="13">
        <v>303.2</v>
      </c>
      <c r="R43" s="13">
        <v>0</v>
      </c>
      <c r="S43" s="13">
        <v>42.89</v>
      </c>
      <c r="T43" s="13">
        <v>80.550000000000011</v>
      </c>
      <c r="U43" s="55">
        <v>14608.37</v>
      </c>
      <c r="V43" s="59" t="s">
        <v>77</v>
      </c>
      <c r="W43" s="45" t="s">
        <v>6</v>
      </c>
      <c r="X43" s="25" t="s">
        <v>10</v>
      </c>
    </row>
    <row r="44" spans="1:24" ht="18.75" customHeight="1" x14ac:dyDescent="0.15">
      <c r="A44" s="25" t="s">
        <v>10</v>
      </c>
      <c r="B44" s="40" t="s">
        <v>22</v>
      </c>
      <c r="C44" s="40" t="s">
        <v>78</v>
      </c>
      <c r="D44" s="50">
        <v>5039.66</v>
      </c>
      <c r="E44" s="50">
        <v>111.71</v>
      </c>
      <c r="F44" s="50">
        <v>20.3</v>
      </c>
      <c r="G44" s="7">
        <v>0</v>
      </c>
      <c r="H44" s="7">
        <v>0</v>
      </c>
      <c r="I44" s="7">
        <v>0</v>
      </c>
      <c r="J44" s="7">
        <v>0</v>
      </c>
      <c r="K44" s="7">
        <v>0</v>
      </c>
      <c r="L44" s="7">
        <v>0</v>
      </c>
      <c r="M44" s="7">
        <v>0</v>
      </c>
      <c r="N44" s="7">
        <v>1.51</v>
      </c>
      <c r="O44" s="7">
        <v>0</v>
      </c>
      <c r="P44" s="7">
        <v>0</v>
      </c>
      <c r="Q44" s="7">
        <v>0</v>
      </c>
      <c r="R44" s="7">
        <v>0</v>
      </c>
      <c r="S44" s="7">
        <v>0</v>
      </c>
      <c r="T44" s="7">
        <v>0.18</v>
      </c>
      <c r="U44" s="50">
        <v>5173.3600000000006</v>
      </c>
      <c r="V44" s="40" t="s">
        <v>78</v>
      </c>
      <c r="W44" s="40" t="s">
        <v>22</v>
      </c>
      <c r="X44" s="25" t="s">
        <v>10</v>
      </c>
    </row>
    <row r="45" spans="1:24" ht="18.75" customHeight="1" x14ac:dyDescent="0.15">
      <c r="A45" s="25" t="s">
        <v>10</v>
      </c>
      <c r="B45" s="42" t="s">
        <v>22</v>
      </c>
      <c r="C45" s="42" t="s">
        <v>79</v>
      </c>
      <c r="D45" s="9">
        <v>0</v>
      </c>
      <c r="E45" s="9">
        <v>71.59</v>
      </c>
      <c r="F45" s="9">
        <v>13.06</v>
      </c>
      <c r="G45" s="9">
        <v>0</v>
      </c>
      <c r="H45" s="9">
        <v>0</v>
      </c>
      <c r="I45" s="9">
        <v>0</v>
      </c>
      <c r="J45" s="9">
        <v>0</v>
      </c>
      <c r="K45" s="9">
        <v>0</v>
      </c>
      <c r="L45" s="9">
        <v>0</v>
      </c>
      <c r="M45" s="9">
        <v>0</v>
      </c>
      <c r="N45" s="9">
        <v>0</v>
      </c>
      <c r="O45" s="9">
        <v>0</v>
      </c>
      <c r="P45" s="9">
        <v>0</v>
      </c>
      <c r="Q45" s="9">
        <v>0</v>
      </c>
      <c r="R45" s="9">
        <v>0</v>
      </c>
      <c r="S45" s="9">
        <v>0</v>
      </c>
      <c r="T45" s="9">
        <v>0</v>
      </c>
      <c r="U45" s="52">
        <v>84.65</v>
      </c>
      <c r="V45" s="42" t="s">
        <v>79</v>
      </c>
      <c r="W45" s="42" t="s">
        <v>22</v>
      </c>
      <c r="X45" s="25" t="s">
        <v>10</v>
      </c>
    </row>
    <row r="46" spans="1:24" ht="18.75" customHeight="1" x14ac:dyDescent="0.15">
      <c r="A46" s="25" t="s">
        <v>10</v>
      </c>
      <c r="B46" s="42" t="s">
        <v>22</v>
      </c>
      <c r="C46" s="42" t="s">
        <v>80</v>
      </c>
      <c r="D46" s="52">
        <v>1565.58</v>
      </c>
      <c r="E46" s="52">
        <v>131.37</v>
      </c>
      <c r="F46" s="52">
        <v>21.69</v>
      </c>
      <c r="G46" s="9">
        <v>0</v>
      </c>
      <c r="H46" s="9">
        <v>0</v>
      </c>
      <c r="I46" s="9">
        <v>0</v>
      </c>
      <c r="J46" s="9">
        <v>0</v>
      </c>
      <c r="K46" s="9">
        <v>0</v>
      </c>
      <c r="L46" s="9">
        <v>0</v>
      </c>
      <c r="M46" s="9">
        <v>0</v>
      </c>
      <c r="N46" s="9">
        <v>0</v>
      </c>
      <c r="O46" s="9">
        <v>0</v>
      </c>
      <c r="P46" s="9">
        <v>0</v>
      </c>
      <c r="Q46" s="9">
        <v>0</v>
      </c>
      <c r="R46" s="9">
        <v>0</v>
      </c>
      <c r="S46" s="9">
        <v>26.13</v>
      </c>
      <c r="T46" s="9">
        <v>0.32</v>
      </c>
      <c r="U46" s="52">
        <v>1745.09</v>
      </c>
      <c r="V46" s="42" t="s">
        <v>80</v>
      </c>
      <c r="W46" s="42" t="s">
        <v>22</v>
      </c>
      <c r="X46" s="25" t="s">
        <v>10</v>
      </c>
    </row>
    <row r="47" spans="1:24" ht="18.75" customHeight="1" x14ac:dyDescent="0.15">
      <c r="A47" s="25" t="s">
        <v>10</v>
      </c>
      <c r="B47" s="42" t="s">
        <v>22</v>
      </c>
      <c r="C47" s="42" t="s">
        <v>81</v>
      </c>
      <c r="D47" s="52">
        <v>464.77</v>
      </c>
      <c r="E47" s="52">
        <v>166.17</v>
      </c>
      <c r="F47" s="52">
        <v>26.32</v>
      </c>
      <c r="G47" s="9">
        <v>0</v>
      </c>
      <c r="H47" s="9">
        <v>0</v>
      </c>
      <c r="I47" s="9">
        <v>0</v>
      </c>
      <c r="J47" s="9">
        <v>0</v>
      </c>
      <c r="K47" s="9">
        <v>0</v>
      </c>
      <c r="L47" s="9">
        <v>0</v>
      </c>
      <c r="M47" s="9">
        <v>0</v>
      </c>
      <c r="N47" s="9">
        <v>0</v>
      </c>
      <c r="O47" s="9">
        <v>0</v>
      </c>
      <c r="P47" s="9">
        <v>0</v>
      </c>
      <c r="Q47" s="9">
        <v>0</v>
      </c>
      <c r="R47" s="9">
        <v>0</v>
      </c>
      <c r="S47" s="9">
        <v>28.86</v>
      </c>
      <c r="T47" s="9">
        <v>0</v>
      </c>
      <c r="U47" s="52">
        <v>686.12</v>
      </c>
      <c r="V47" s="42" t="s">
        <v>81</v>
      </c>
      <c r="W47" s="42" t="s">
        <v>22</v>
      </c>
      <c r="X47" s="25" t="s">
        <v>10</v>
      </c>
    </row>
    <row r="48" spans="1:24" ht="18.75" customHeight="1" x14ac:dyDescent="0.15">
      <c r="A48" s="25" t="s">
        <v>10</v>
      </c>
      <c r="B48" s="42" t="s">
        <v>22</v>
      </c>
      <c r="C48" s="42" t="s">
        <v>82</v>
      </c>
      <c r="D48" s="52">
        <v>5891.71</v>
      </c>
      <c r="E48" s="52">
        <v>109.9</v>
      </c>
      <c r="F48" s="52">
        <v>12.16</v>
      </c>
      <c r="G48" s="9">
        <v>0</v>
      </c>
      <c r="H48" s="9">
        <v>0</v>
      </c>
      <c r="I48" s="9">
        <v>0</v>
      </c>
      <c r="J48" s="9">
        <v>0</v>
      </c>
      <c r="K48" s="9">
        <v>0</v>
      </c>
      <c r="L48" s="9">
        <v>0</v>
      </c>
      <c r="M48" s="9">
        <v>0</v>
      </c>
      <c r="N48" s="9">
        <v>0</v>
      </c>
      <c r="O48" s="9">
        <v>0</v>
      </c>
      <c r="P48" s="9">
        <v>0</v>
      </c>
      <c r="Q48" s="9">
        <v>0</v>
      </c>
      <c r="R48" s="9">
        <v>0</v>
      </c>
      <c r="S48" s="9">
        <v>536.75</v>
      </c>
      <c r="T48" s="9">
        <v>0</v>
      </c>
      <c r="U48" s="52">
        <v>6550.5199999999995</v>
      </c>
      <c r="V48" s="42" t="s">
        <v>82</v>
      </c>
      <c r="W48" s="42" t="s">
        <v>22</v>
      </c>
      <c r="X48" s="25" t="s">
        <v>10</v>
      </c>
    </row>
    <row r="49" spans="1:24" ht="18.75" customHeight="1" x14ac:dyDescent="0.15">
      <c r="A49" s="25" t="s">
        <v>10</v>
      </c>
      <c r="B49" s="42" t="s">
        <v>22</v>
      </c>
      <c r="C49" s="42" t="s">
        <v>83</v>
      </c>
      <c r="D49" s="52">
        <v>4019.14</v>
      </c>
      <c r="E49" s="52">
        <v>137.69999999999999</v>
      </c>
      <c r="F49" s="52">
        <v>7.52</v>
      </c>
      <c r="G49" s="9">
        <v>0</v>
      </c>
      <c r="H49" s="9">
        <v>0</v>
      </c>
      <c r="I49" s="9">
        <v>0</v>
      </c>
      <c r="J49" s="9">
        <v>0</v>
      </c>
      <c r="K49" s="9">
        <v>0</v>
      </c>
      <c r="L49" s="9">
        <v>0</v>
      </c>
      <c r="M49" s="9">
        <v>0</v>
      </c>
      <c r="N49" s="9">
        <v>5.82</v>
      </c>
      <c r="O49" s="9">
        <v>5.66</v>
      </c>
      <c r="P49" s="9">
        <v>0</v>
      </c>
      <c r="Q49" s="9">
        <v>0</v>
      </c>
      <c r="R49" s="9">
        <v>0</v>
      </c>
      <c r="S49" s="9">
        <v>303.92</v>
      </c>
      <c r="T49" s="9">
        <v>0</v>
      </c>
      <c r="U49" s="52">
        <v>4479.76</v>
      </c>
      <c r="V49" s="42" t="s">
        <v>83</v>
      </c>
      <c r="W49" s="42" t="s">
        <v>22</v>
      </c>
      <c r="X49" s="25" t="s">
        <v>10</v>
      </c>
    </row>
    <row r="50" spans="1:24" ht="18.75" customHeight="1" x14ac:dyDescent="0.15">
      <c r="A50" s="25" t="s">
        <v>10</v>
      </c>
      <c r="B50" s="5" t="s">
        <v>27</v>
      </c>
      <c r="C50" s="43" t="s">
        <v>27</v>
      </c>
      <c r="D50" s="52">
        <v>16980.86</v>
      </c>
      <c r="E50" s="52">
        <v>728.44</v>
      </c>
      <c r="F50" s="52">
        <v>101.05</v>
      </c>
      <c r="G50" s="9">
        <v>0</v>
      </c>
      <c r="H50" s="9">
        <v>0</v>
      </c>
      <c r="I50" s="9">
        <v>0</v>
      </c>
      <c r="J50" s="9">
        <v>0</v>
      </c>
      <c r="K50" s="9">
        <v>0</v>
      </c>
      <c r="L50" s="9">
        <v>0</v>
      </c>
      <c r="M50" s="9">
        <v>0</v>
      </c>
      <c r="N50" s="9">
        <v>7.33</v>
      </c>
      <c r="O50" s="9">
        <v>5.66</v>
      </c>
      <c r="P50" s="9">
        <v>0</v>
      </c>
      <c r="Q50" s="9">
        <v>0</v>
      </c>
      <c r="R50" s="9">
        <v>0</v>
      </c>
      <c r="S50" s="9">
        <v>895.66000000000008</v>
      </c>
      <c r="T50" s="9">
        <v>0.5</v>
      </c>
      <c r="U50" s="52">
        <v>18719.5</v>
      </c>
      <c r="V50" s="43" t="s">
        <v>27</v>
      </c>
      <c r="W50" s="5" t="s">
        <v>27</v>
      </c>
      <c r="X50" s="25" t="s">
        <v>10</v>
      </c>
    </row>
    <row r="51" spans="1:24" ht="18.75" customHeight="1" x14ac:dyDescent="0.15">
      <c r="A51" s="25" t="s">
        <v>10</v>
      </c>
      <c r="B51" s="42" t="s">
        <v>44</v>
      </c>
      <c r="C51" s="42" t="s">
        <v>84</v>
      </c>
      <c r="D51" s="51">
        <v>6632.95</v>
      </c>
      <c r="E51" s="51">
        <v>227.81</v>
      </c>
      <c r="F51" s="51">
        <v>5.32</v>
      </c>
      <c r="G51" s="8">
        <v>0</v>
      </c>
      <c r="H51" s="8">
        <v>0</v>
      </c>
      <c r="I51" s="8">
        <v>0</v>
      </c>
      <c r="J51" s="8">
        <v>0</v>
      </c>
      <c r="K51" s="8">
        <v>0</v>
      </c>
      <c r="L51" s="8">
        <v>0</v>
      </c>
      <c r="M51" s="8">
        <v>0</v>
      </c>
      <c r="N51" s="8">
        <v>0</v>
      </c>
      <c r="O51" s="8">
        <v>0</v>
      </c>
      <c r="P51" s="8">
        <v>0</v>
      </c>
      <c r="Q51" s="8">
        <v>0</v>
      </c>
      <c r="R51" s="8">
        <v>0</v>
      </c>
      <c r="S51" s="8">
        <v>45.62</v>
      </c>
      <c r="T51" s="8">
        <v>0</v>
      </c>
      <c r="U51" s="51">
        <v>6911.7</v>
      </c>
      <c r="V51" s="42" t="s">
        <v>84</v>
      </c>
      <c r="W51" s="42" t="s">
        <v>44</v>
      </c>
      <c r="X51" s="25" t="s">
        <v>10</v>
      </c>
    </row>
    <row r="52" spans="1:24" ht="18.75" customHeight="1" x14ac:dyDescent="0.15">
      <c r="A52" s="25" t="s">
        <v>10</v>
      </c>
      <c r="B52" s="42" t="s">
        <v>44</v>
      </c>
      <c r="C52" s="42" t="s">
        <v>85</v>
      </c>
      <c r="D52" s="52">
        <v>8373.31</v>
      </c>
      <c r="E52" s="52">
        <v>77.33</v>
      </c>
      <c r="F52" s="52">
        <v>11.23</v>
      </c>
      <c r="G52" s="9">
        <v>0</v>
      </c>
      <c r="H52" s="9">
        <v>0</v>
      </c>
      <c r="I52" s="9">
        <v>0</v>
      </c>
      <c r="J52" s="9">
        <v>0</v>
      </c>
      <c r="K52" s="9">
        <v>0</v>
      </c>
      <c r="L52" s="9">
        <v>0</v>
      </c>
      <c r="M52" s="9">
        <v>0</v>
      </c>
      <c r="N52" s="9">
        <v>0</v>
      </c>
      <c r="O52" s="9">
        <v>0</v>
      </c>
      <c r="P52" s="9">
        <v>0</v>
      </c>
      <c r="Q52" s="9">
        <v>0</v>
      </c>
      <c r="R52" s="9">
        <v>0</v>
      </c>
      <c r="S52" s="9">
        <v>62.66</v>
      </c>
      <c r="T52" s="9">
        <v>0</v>
      </c>
      <c r="U52" s="52">
        <v>8524.5299999999988</v>
      </c>
      <c r="V52" s="42" t="s">
        <v>85</v>
      </c>
      <c r="W52" s="42" t="s">
        <v>44</v>
      </c>
      <c r="X52" s="25" t="s">
        <v>10</v>
      </c>
    </row>
    <row r="53" spans="1:24" ht="18.75" customHeight="1" x14ac:dyDescent="0.15">
      <c r="A53" s="25" t="s">
        <v>10</v>
      </c>
      <c r="B53" s="42" t="s">
        <v>44</v>
      </c>
      <c r="C53" s="30" t="s">
        <v>27</v>
      </c>
      <c r="D53" s="52">
        <v>15006.259999999998</v>
      </c>
      <c r="E53" s="52">
        <v>305.14</v>
      </c>
      <c r="F53" s="52">
        <v>16.55</v>
      </c>
      <c r="G53" s="9">
        <v>0</v>
      </c>
      <c r="H53" s="9">
        <v>0</v>
      </c>
      <c r="I53" s="9">
        <v>0</v>
      </c>
      <c r="J53" s="9">
        <v>0</v>
      </c>
      <c r="K53" s="9">
        <v>0</v>
      </c>
      <c r="L53" s="9">
        <v>0</v>
      </c>
      <c r="M53" s="9">
        <v>0</v>
      </c>
      <c r="N53" s="9">
        <v>0</v>
      </c>
      <c r="O53" s="9">
        <v>0</v>
      </c>
      <c r="P53" s="9">
        <v>0</v>
      </c>
      <c r="Q53" s="9">
        <v>0</v>
      </c>
      <c r="R53" s="9">
        <v>0</v>
      </c>
      <c r="S53" s="9">
        <v>108.28</v>
      </c>
      <c r="T53" s="9">
        <v>0</v>
      </c>
      <c r="U53" s="52">
        <v>15436.23</v>
      </c>
      <c r="V53" s="30" t="s">
        <v>27</v>
      </c>
      <c r="W53" s="42" t="s">
        <v>44</v>
      </c>
      <c r="X53" s="25" t="s">
        <v>10</v>
      </c>
    </row>
    <row r="54" spans="1:24" ht="18.75" customHeight="1" x14ac:dyDescent="0.15">
      <c r="A54" s="25" t="s">
        <v>10</v>
      </c>
      <c r="B54" s="41" t="s">
        <v>23</v>
      </c>
      <c r="C54" s="41" t="s">
        <v>86</v>
      </c>
      <c r="D54" s="51">
        <v>6395.07</v>
      </c>
      <c r="E54" s="51">
        <v>109.75</v>
      </c>
      <c r="F54" s="51">
        <v>4.45</v>
      </c>
      <c r="G54" s="8">
        <v>0</v>
      </c>
      <c r="H54" s="8">
        <v>0</v>
      </c>
      <c r="I54" s="8">
        <v>0</v>
      </c>
      <c r="J54" s="8">
        <v>0</v>
      </c>
      <c r="K54" s="8">
        <v>0</v>
      </c>
      <c r="L54" s="8">
        <v>0</v>
      </c>
      <c r="M54" s="8">
        <v>0</v>
      </c>
      <c r="N54" s="8">
        <v>0</v>
      </c>
      <c r="O54" s="8">
        <v>0</v>
      </c>
      <c r="P54" s="8">
        <v>0</v>
      </c>
      <c r="Q54" s="8">
        <v>0</v>
      </c>
      <c r="R54" s="8">
        <v>0</v>
      </c>
      <c r="S54" s="51">
        <v>1091.8800000000001</v>
      </c>
      <c r="T54" s="8">
        <v>0.52</v>
      </c>
      <c r="U54" s="51">
        <v>7601.67</v>
      </c>
      <c r="V54" s="41" t="s">
        <v>86</v>
      </c>
      <c r="W54" s="41" t="s">
        <v>23</v>
      </c>
      <c r="X54" s="25" t="s">
        <v>10</v>
      </c>
    </row>
    <row r="55" spans="1:24" ht="18.75" customHeight="1" x14ac:dyDescent="0.15">
      <c r="A55" s="25" t="s">
        <v>10</v>
      </c>
      <c r="B55" s="42" t="s">
        <v>23</v>
      </c>
      <c r="C55" s="42" t="s">
        <v>87</v>
      </c>
      <c r="D55" s="52">
        <v>4881.8100000000004</v>
      </c>
      <c r="E55" s="52">
        <v>105.6</v>
      </c>
      <c r="F55" s="52">
        <v>6.92</v>
      </c>
      <c r="G55" s="9">
        <v>0</v>
      </c>
      <c r="H55" s="9">
        <v>0</v>
      </c>
      <c r="I55" s="9">
        <v>0</v>
      </c>
      <c r="J55" s="9">
        <v>0</v>
      </c>
      <c r="K55" s="9">
        <v>0</v>
      </c>
      <c r="L55" s="9">
        <v>0</v>
      </c>
      <c r="M55" s="9">
        <v>0</v>
      </c>
      <c r="N55" s="9">
        <v>0</v>
      </c>
      <c r="O55" s="9">
        <v>0</v>
      </c>
      <c r="P55" s="9">
        <v>0</v>
      </c>
      <c r="Q55" s="9">
        <v>0</v>
      </c>
      <c r="R55" s="9">
        <v>0</v>
      </c>
      <c r="S55" s="9">
        <v>854.44</v>
      </c>
      <c r="T55" s="9">
        <v>0</v>
      </c>
      <c r="U55" s="52">
        <v>5848.77</v>
      </c>
      <c r="V55" s="42" t="s">
        <v>87</v>
      </c>
      <c r="W55" s="42" t="s">
        <v>23</v>
      </c>
      <c r="X55" s="25" t="s">
        <v>10</v>
      </c>
    </row>
    <row r="56" spans="1:24" ht="18.75" customHeight="1" x14ac:dyDescent="0.15">
      <c r="A56" s="25" t="s">
        <v>10</v>
      </c>
      <c r="B56" s="14" t="s">
        <v>27</v>
      </c>
      <c r="C56" s="60" t="s">
        <v>27</v>
      </c>
      <c r="D56" s="56">
        <v>11276.880000000001</v>
      </c>
      <c r="E56" s="56">
        <v>215.35</v>
      </c>
      <c r="F56" s="56">
        <v>11.370000000000001</v>
      </c>
      <c r="G56" s="15">
        <v>0</v>
      </c>
      <c r="H56" s="15">
        <v>0</v>
      </c>
      <c r="I56" s="15">
        <v>0</v>
      </c>
      <c r="J56" s="15">
        <v>0</v>
      </c>
      <c r="K56" s="15">
        <v>0</v>
      </c>
      <c r="L56" s="15">
        <v>0</v>
      </c>
      <c r="M56" s="15">
        <v>0</v>
      </c>
      <c r="N56" s="15">
        <v>0</v>
      </c>
      <c r="O56" s="15">
        <v>0</v>
      </c>
      <c r="P56" s="15">
        <v>0</v>
      </c>
      <c r="Q56" s="15">
        <v>0</v>
      </c>
      <c r="R56" s="15">
        <v>0</v>
      </c>
      <c r="S56" s="56">
        <v>1946.3200000000002</v>
      </c>
      <c r="T56" s="15">
        <v>0.52</v>
      </c>
      <c r="U56" s="56">
        <v>13450.44</v>
      </c>
      <c r="V56" s="60" t="s">
        <v>27</v>
      </c>
      <c r="W56" s="14" t="s">
        <v>27</v>
      </c>
      <c r="X56" s="25" t="s">
        <v>10</v>
      </c>
    </row>
    <row r="57" spans="1:24" ht="18.75" customHeight="1" x14ac:dyDescent="0.15">
      <c r="A57" s="25" t="s">
        <v>10</v>
      </c>
      <c r="B57" s="45" t="s">
        <v>6</v>
      </c>
      <c r="C57" s="45" t="s">
        <v>6</v>
      </c>
      <c r="D57" s="54">
        <v>43264</v>
      </c>
      <c r="E57" s="54">
        <v>1248.9299999999998</v>
      </c>
      <c r="F57" s="54">
        <v>128.97</v>
      </c>
      <c r="G57" s="12">
        <v>0</v>
      </c>
      <c r="H57" s="12">
        <v>0</v>
      </c>
      <c r="I57" s="12">
        <v>0</v>
      </c>
      <c r="J57" s="12">
        <v>0</v>
      </c>
      <c r="K57" s="12">
        <v>0</v>
      </c>
      <c r="L57" s="12">
        <v>0</v>
      </c>
      <c r="M57" s="12">
        <v>0</v>
      </c>
      <c r="N57" s="12">
        <v>7.33</v>
      </c>
      <c r="O57" s="12">
        <v>5.66</v>
      </c>
      <c r="P57" s="12">
        <v>0</v>
      </c>
      <c r="Q57" s="12">
        <v>0</v>
      </c>
      <c r="R57" s="12">
        <v>0</v>
      </c>
      <c r="S57" s="54">
        <v>2950.26</v>
      </c>
      <c r="T57" s="12">
        <v>1.02</v>
      </c>
      <c r="U57" s="54">
        <v>47606.17</v>
      </c>
      <c r="V57" s="45" t="s">
        <v>6</v>
      </c>
      <c r="W57" s="45" t="s">
        <v>6</v>
      </c>
      <c r="X57" s="25" t="s">
        <v>10</v>
      </c>
    </row>
    <row r="58" spans="1:24" ht="18.75" customHeight="1" x14ac:dyDescent="0.15">
      <c r="A58" s="25" t="s">
        <v>10</v>
      </c>
      <c r="B58" s="47" t="s">
        <v>24</v>
      </c>
      <c r="C58" s="40" t="s">
        <v>88</v>
      </c>
      <c r="D58" s="52">
        <v>66.3</v>
      </c>
      <c r="E58" s="52">
        <v>266.89999999999998</v>
      </c>
      <c r="F58" s="52">
        <v>112.72</v>
      </c>
      <c r="G58" s="9">
        <v>7.24</v>
      </c>
      <c r="H58" s="9">
        <v>89.03</v>
      </c>
      <c r="I58" s="9">
        <v>0</v>
      </c>
      <c r="J58" s="9">
        <v>0</v>
      </c>
      <c r="K58" s="9">
        <v>0</v>
      </c>
      <c r="L58" s="9">
        <v>0</v>
      </c>
      <c r="M58" s="9">
        <v>0</v>
      </c>
      <c r="N58" s="9">
        <v>0</v>
      </c>
      <c r="O58" s="9">
        <v>0</v>
      </c>
      <c r="P58" s="9">
        <v>0</v>
      </c>
      <c r="Q58" s="9">
        <v>0</v>
      </c>
      <c r="R58" s="9">
        <v>0</v>
      </c>
      <c r="S58" s="9">
        <v>53.67</v>
      </c>
      <c r="T58" s="9">
        <v>56.43</v>
      </c>
      <c r="U58" s="52">
        <v>652.28999999999985</v>
      </c>
      <c r="V58" s="40" t="s">
        <v>88</v>
      </c>
      <c r="W58" s="47" t="s">
        <v>24</v>
      </c>
      <c r="X58" s="25" t="s">
        <v>10</v>
      </c>
    </row>
    <row r="59" spans="1:24" ht="18.75" customHeight="1" x14ac:dyDescent="0.15">
      <c r="A59" s="25" t="s">
        <v>10</v>
      </c>
      <c r="B59" s="42" t="s">
        <v>24</v>
      </c>
      <c r="C59" s="42" t="s">
        <v>89</v>
      </c>
      <c r="D59" s="52">
        <v>5.56</v>
      </c>
      <c r="E59" s="52">
        <v>345.71</v>
      </c>
      <c r="F59" s="52">
        <v>45.96</v>
      </c>
      <c r="G59" s="9">
        <v>0</v>
      </c>
      <c r="H59" s="9">
        <v>0</v>
      </c>
      <c r="I59" s="9">
        <v>0</v>
      </c>
      <c r="J59" s="9">
        <v>0</v>
      </c>
      <c r="K59" s="9">
        <v>0</v>
      </c>
      <c r="L59" s="9">
        <v>0</v>
      </c>
      <c r="M59" s="9">
        <v>0</v>
      </c>
      <c r="N59" s="9">
        <v>0</v>
      </c>
      <c r="O59" s="9">
        <v>0</v>
      </c>
      <c r="P59" s="9">
        <v>0</v>
      </c>
      <c r="Q59" s="9">
        <v>2.5099999999999998</v>
      </c>
      <c r="R59" s="9">
        <v>0</v>
      </c>
      <c r="S59" s="9">
        <v>336.34</v>
      </c>
      <c r="T59" s="9">
        <v>53.95</v>
      </c>
      <c r="U59" s="52">
        <v>790.03</v>
      </c>
      <c r="V59" s="42" t="s">
        <v>89</v>
      </c>
      <c r="W59" s="42" t="s">
        <v>24</v>
      </c>
      <c r="X59" s="25" t="s">
        <v>10</v>
      </c>
    </row>
    <row r="60" spans="1:24" ht="18.75" customHeight="1" x14ac:dyDescent="0.15">
      <c r="A60" s="25" t="s">
        <v>10</v>
      </c>
      <c r="B60" s="42" t="s">
        <v>24</v>
      </c>
      <c r="C60" s="42" t="s">
        <v>90</v>
      </c>
      <c r="D60" s="52">
        <v>3562.01</v>
      </c>
      <c r="E60" s="52">
        <v>246.5</v>
      </c>
      <c r="F60" s="52">
        <v>33.840000000000003</v>
      </c>
      <c r="G60" s="9">
        <v>0</v>
      </c>
      <c r="H60" s="9">
        <v>0</v>
      </c>
      <c r="I60" s="9">
        <v>0</v>
      </c>
      <c r="J60" s="9">
        <v>0</v>
      </c>
      <c r="K60" s="9">
        <v>0</v>
      </c>
      <c r="L60" s="9">
        <v>0</v>
      </c>
      <c r="M60" s="9">
        <v>0</v>
      </c>
      <c r="N60" s="9">
        <v>0.98</v>
      </c>
      <c r="O60" s="9">
        <v>7.0000000000000007E-2</v>
      </c>
      <c r="P60" s="9">
        <v>0</v>
      </c>
      <c r="Q60" s="9">
        <v>0</v>
      </c>
      <c r="R60" s="9">
        <v>0</v>
      </c>
      <c r="S60" s="9">
        <v>16.57</v>
      </c>
      <c r="T60" s="9">
        <v>0</v>
      </c>
      <c r="U60" s="52">
        <v>3859.9700000000007</v>
      </c>
      <c r="V60" s="42" t="s">
        <v>90</v>
      </c>
      <c r="W60" s="42" t="s">
        <v>24</v>
      </c>
      <c r="X60" s="25" t="s">
        <v>10</v>
      </c>
    </row>
    <row r="61" spans="1:24" ht="18.75" customHeight="1" x14ac:dyDescent="0.15">
      <c r="A61" s="25" t="s">
        <v>10</v>
      </c>
      <c r="B61" s="42" t="s">
        <v>24</v>
      </c>
      <c r="C61" s="42" t="s">
        <v>91</v>
      </c>
      <c r="D61" s="52">
        <v>435.27</v>
      </c>
      <c r="E61" s="52">
        <v>138.72</v>
      </c>
      <c r="F61" s="52">
        <v>1.33</v>
      </c>
      <c r="G61" s="9">
        <v>0</v>
      </c>
      <c r="H61" s="9">
        <v>8.43</v>
      </c>
      <c r="I61" s="9">
        <v>0</v>
      </c>
      <c r="J61" s="9">
        <v>0</v>
      </c>
      <c r="K61" s="9">
        <v>0</v>
      </c>
      <c r="L61" s="9">
        <v>0</v>
      </c>
      <c r="M61" s="9">
        <v>0</v>
      </c>
      <c r="N61" s="9">
        <v>0</v>
      </c>
      <c r="O61" s="9">
        <v>0</v>
      </c>
      <c r="P61" s="9">
        <v>0</v>
      </c>
      <c r="Q61" s="9">
        <v>0</v>
      </c>
      <c r="R61" s="9">
        <v>0</v>
      </c>
      <c r="S61" s="9">
        <v>0</v>
      </c>
      <c r="T61" s="9">
        <v>6.31</v>
      </c>
      <c r="U61" s="52">
        <v>590.05999999999995</v>
      </c>
      <c r="V61" s="42" t="s">
        <v>91</v>
      </c>
      <c r="W61" s="42" t="s">
        <v>24</v>
      </c>
      <c r="X61" s="25" t="s">
        <v>10</v>
      </c>
    </row>
    <row r="62" spans="1:24" ht="18.75" customHeight="1" x14ac:dyDescent="0.15">
      <c r="A62" s="25" t="s">
        <v>10</v>
      </c>
      <c r="B62" s="42" t="s">
        <v>24</v>
      </c>
      <c r="C62" s="42" t="s">
        <v>92</v>
      </c>
      <c r="D62" s="52">
        <v>3.34</v>
      </c>
      <c r="E62" s="52">
        <v>194.08</v>
      </c>
      <c r="F62" s="52">
        <v>0.3</v>
      </c>
      <c r="G62" s="9">
        <v>2.5099999999999998</v>
      </c>
      <c r="H62" s="9">
        <v>52.46</v>
      </c>
      <c r="I62" s="9">
        <v>0</v>
      </c>
      <c r="J62" s="9">
        <v>0</v>
      </c>
      <c r="K62" s="9">
        <v>0</v>
      </c>
      <c r="L62" s="9">
        <v>0</v>
      </c>
      <c r="M62" s="9">
        <v>0</v>
      </c>
      <c r="N62" s="9">
        <v>0</v>
      </c>
      <c r="O62" s="9">
        <v>0</v>
      </c>
      <c r="P62" s="9">
        <v>0</v>
      </c>
      <c r="Q62" s="9">
        <v>0</v>
      </c>
      <c r="R62" s="9">
        <v>0</v>
      </c>
      <c r="S62" s="9">
        <v>10.74</v>
      </c>
      <c r="T62" s="9">
        <v>0</v>
      </c>
      <c r="U62" s="52">
        <v>263.43</v>
      </c>
      <c r="V62" s="42" t="s">
        <v>92</v>
      </c>
      <c r="W62" s="42" t="s">
        <v>24</v>
      </c>
      <c r="X62" s="25" t="s">
        <v>10</v>
      </c>
    </row>
    <row r="63" spans="1:24" ht="18.75" customHeight="1" x14ac:dyDescent="0.15">
      <c r="A63" s="25" t="s">
        <v>10</v>
      </c>
      <c r="B63" s="42" t="s">
        <v>24</v>
      </c>
      <c r="C63" s="42" t="s">
        <v>93</v>
      </c>
      <c r="D63" s="52">
        <v>47.82</v>
      </c>
      <c r="E63" s="52">
        <v>149.5</v>
      </c>
      <c r="F63" s="52">
        <v>27.17</v>
      </c>
      <c r="G63" s="9">
        <v>0</v>
      </c>
      <c r="H63" s="9">
        <v>47.92</v>
      </c>
      <c r="I63" s="9">
        <v>0</v>
      </c>
      <c r="J63" s="9">
        <v>0</v>
      </c>
      <c r="K63" s="9">
        <v>0</v>
      </c>
      <c r="L63" s="9">
        <v>0</v>
      </c>
      <c r="M63" s="9">
        <v>0</v>
      </c>
      <c r="N63" s="9">
        <v>0</v>
      </c>
      <c r="O63" s="9">
        <v>2.2000000000000002</v>
      </c>
      <c r="P63" s="9">
        <v>0</v>
      </c>
      <c r="Q63" s="9">
        <v>236.87</v>
      </c>
      <c r="R63" s="9">
        <v>0</v>
      </c>
      <c r="S63" s="9">
        <v>260.33999999999997</v>
      </c>
      <c r="T63" s="9">
        <v>218.65</v>
      </c>
      <c r="U63" s="52">
        <v>990.46999999999991</v>
      </c>
      <c r="V63" s="42" t="s">
        <v>93</v>
      </c>
      <c r="W63" s="42" t="s">
        <v>24</v>
      </c>
      <c r="X63" s="25" t="s">
        <v>10</v>
      </c>
    </row>
    <row r="64" spans="1:24" ht="18.75" customHeight="1" x14ac:dyDescent="0.15">
      <c r="A64" s="25" t="s">
        <v>10</v>
      </c>
      <c r="B64" s="42" t="s">
        <v>24</v>
      </c>
      <c r="C64" s="42" t="s">
        <v>94</v>
      </c>
      <c r="D64" s="9">
        <v>0</v>
      </c>
      <c r="E64" s="9">
        <v>83.61</v>
      </c>
      <c r="F64" s="9">
        <v>9.68</v>
      </c>
      <c r="G64" s="9">
        <v>0</v>
      </c>
      <c r="H64" s="9">
        <v>0.08</v>
      </c>
      <c r="I64" s="9">
        <v>0</v>
      </c>
      <c r="J64" s="9">
        <v>0</v>
      </c>
      <c r="K64" s="9">
        <v>0</v>
      </c>
      <c r="L64" s="9">
        <v>0</v>
      </c>
      <c r="M64" s="9">
        <v>0</v>
      </c>
      <c r="N64" s="9">
        <v>0</v>
      </c>
      <c r="O64" s="9">
        <v>0</v>
      </c>
      <c r="P64" s="9">
        <v>0</v>
      </c>
      <c r="Q64" s="9">
        <v>0</v>
      </c>
      <c r="R64" s="9">
        <v>0</v>
      </c>
      <c r="S64" s="9">
        <v>0</v>
      </c>
      <c r="T64" s="9">
        <v>0</v>
      </c>
      <c r="U64" s="52">
        <v>93.36999999999999</v>
      </c>
      <c r="V64" s="42" t="s">
        <v>94</v>
      </c>
      <c r="W64" s="42" t="s">
        <v>24</v>
      </c>
      <c r="X64" s="25" t="s">
        <v>10</v>
      </c>
    </row>
    <row r="65" spans="1:24" ht="18.75" customHeight="1" x14ac:dyDescent="0.15">
      <c r="A65" s="25" t="s">
        <v>10</v>
      </c>
      <c r="B65" s="10" t="s">
        <v>27</v>
      </c>
      <c r="C65" s="30" t="s">
        <v>27</v>
      </c>
      <c r="D65" s="53">
        <v>4120.3</v>
      </c>
      <c r="E65" s="53">
        <v>1425.0199999999998</v>
      </c>
      <c r="F65" s="53">
        <v>231.00000000000006</v>
      </c>
      <c r="G65" s="11">
        <v>9.75</v>
      </c>
      <c r="H65" s="11">
        <v>197.92000000000004</v>
      </c>
      <c r="I65" s="11">
        <v>0</v>
      </c>
      <c r="J65" s="11">
        <v>0</v>
      </c>
      <c r="K65" s="11">
        <v>0</v>
      </c>
      <c r="L65" s="11">
        <v>0</v>
      </c>
      <c r="M65" s="11">
        <v>0</v>
      </c>
      <c r="N65" s="11">
        <v>0.98</v>
      </c>
      <c r="O65" s="11">
        <v>2.27</v>
      </c>
      <c r="P65" s="11">
        <v>0</v>
      </c>
      <c r="Q65" s="11">
        <v>239.38</v>
      </c>
      <c r="R65" s="11">
        <v>0</v>
      </c>
      <c r="S65" s="11">
        <v>677.66</v>
      </c>
      <c r="T65" s="11">
        <v>335.34000000000003</v>
      </c>
      <c r="U65" s="53">
        <v>7239.6200000000008</v>
      </c>
      <c r="V65" s="30" t="s">
        <v>27</v>
      </c>
      <c r="W65" s="10" t="s">
        <v>27</v>
      </c>
      <c r="X65" s="25" t="s">
        <v>10</v>
      </c>
    </row>
    <row r="66" spans="1:24" ht="18.75" customHeight="1" x14ac:dyDescent="0.15">
      <c r="A66" s="25" t="s">
        <v>10</v>
      </c>
      <c r="B66" s="46" t="s">
        <v>27</v>
      </c>
      <c r="C66" s="46" t="s">
        <v>27</v>
      </c>
      <c r="D66" s="57">
        <v>60458.69</v>
      </c>
      <c r="E66" s="57">
        <v>3582.56</v>
      </c>
      <c r="F66" s="57">
        <v>543.49</v>
      </c>
      <c r="G66" s="16">
        <v>9.75</v>
      </c>
      <c r="H66" s="16">
        <v>209.18000000000004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10.92</v>
      </c>
      <c r="O66" s="16">
        <v>7.93</v>
      </c>
      <c r="P66" s="16">
        <v>1.3399999999999999</v>
      </c>
      <c r="Q66" s="16">
        <v>542.57999999999993</v>
      </c>
      <c r="R66" s="16">
        <v>0</v>
      </c>
      <c r="S66" s="57">
        <v>3670.81</v>
      </c>
      <c r="T66" s="16">
        <v>416.91</v>
      </c>
      <c r="U66" s="57">
        <v>69454.16</v>
      </c>
      <c r="V66" s="46" t="s">
        <v>27</v>
      </c>
      <c r="W66" s="46" t="s">
        <v>27</v>
      </c>
      <c r="X66" s="25" t="s">
        <v>10</v>
      </c>
    </row>
    <row r="67" spans="1:24" ht="18.75" customHeight="1" x14ac:dyDescent="0.15">
      <c r="A67" s="38" t="s">
        <v>11</v>
      </c>
      <c r="B67" s="40" t="s">
        <v>28</v>
      </c>
      <c r="C67" s="40" t="s">
        <v>95</v>
      </c>
      <c r="D67" s="52">
        <v>2312.2199999999998</v>
      </c>
      <c r="E67" s="52">
        <v>205.93</v>
      </c>
      <c r="F67" s="52">
        <v>4.05</v>
      </c>
      <c r="G67" s="9">
        <v>0</v>
      </c>
      <c r="H67" s="9">
        <v>3.43</v>
      </c>
      <c r="I67" s="9">
        <v>0</v>
      </c>
      <c r="J67" s="9">
        <v>0</v>
      </c>
      <c r="K67" s="9">
        <v>0</v>
      </c>
      <c r="L67" s="9">
        <v>0</v>
      </c>
      <c r="M67" s="9">
        <v>0</v>
      </c>
      <c r="N67" s="9">
        <v>0</v>
      </c>
      <c r="O67" s="9">
        <v>0</v>
      </c>
      <c r="P67" s="9">
        <v>0</v>
      </c>
      <c r="Q67" s="9">
        <v>110.48</v>
      </c>
      <c r="R67" s="9">
        <v>0</v>
      </c>
      <c r="S67" s="9">
        <v>58.25</v>
      </c>
      <c r="T67" s="9">
        <v>0</v>
      </c>
      <c r="U67" s="52">
        <v>2694.3599999999997</v>
      </c>
      <c r="V67" s="40" t="s">
        <v>95</v>
      </c>
      <c r="W67" s="40" t="s">
        <v>28</v>
      </c>
      <c r="X67" s="38" t="s">
        <v>11</v>
      </c>
    </row>
    <row r="68" spans="1:24" ht="18.75" customHeight="1" x14ac:dyDescent="0.15">
      <c r="A68" s="38" t="s">
        <v>11</v>
      </c>
      <c r="B68" s="42" t="s">
        <v>28</v>
      </c>
      <c r="C68" s="42" t="s">
        <v>96</v>
      </c>
      <c r="D68" s="52">
        <v>223.49</v>
      </c>
      <c r="E68" s="52">
        <v>108.19</v>
      </c>
      <c r="F68" s="52">
        <v>6.3</v>
      </c>
      <c r="G68" s="9">
        <v>0</v>
      </c>
      <c r="H68" s="9">
        <v>0</v>
      </c>
      <c r="I68" s="9">
        <v>0</v>
      </c>
      <c r="J68" s="9">
        <v>0</v>
      </c>
      <c r="K68" s="9">
        <v>0</v>
      </c>
      <c r="L68" s="9">
        <v>0</v>
      </c>
      <c r="M68" s="9">
        <v>0</v>
      </c>
      <c r="N68" s="9">
        <v>0</v>
      </c>
      <c r="O68" s="9">
        <v>0</v>
      </c>
      <c r="P68" s="9">
        <v>0</v>
      </c>
      <c r="Q68" s="9">
        <v>40.83</v>
      </c>
      <c r="R68" s="9">
        <v>0</v>
      </c>
      <c r="S68" s="9">
        <v>37.380000000000003</v>
      </c>
      <c r="T68" s="9">
        <v>0</v>
      </c>
      <c r="U68" s="52">
        <v>416.19</v>
      </c>
      <c r="V68" s="42" t="s">
        <v>96</v>
      </c>
      <c r="W68" s="42" t="s">
        <v>28</v>
      </c>
      <c r="X68" s="38" t="s">
        <v>11</v>
      </c>
    </row>
    <row r="69" spans="1:24" ht="18.75" customHeight="1" x14ac:dyDescent="0.15">
      <c r="A69" s="38" t="s">
        <v>11</v>
      </c>
      <c r="B69" s="42" t="s">
        <v>28</v>
      </c>
      <c r="C69" s="42" t="s">
        <v>97</v>
      </c>
      <c r="D69" s="52">
        <v>980.66</v>
      </c>
      <c r="E69" s="52">
        <v>115.61</v>
      </c>
      <c r="F69" s="52">
        <v>20.29</v>
      </c>
      <c r="G69" s="9">
        <v>0</v>
      </c>
      <c r="H69" s="9">
        <v>0.84</v>
      </c>
      <c r="I69" s="9">
        <v>0</v>
      </c>
      <c r="J69" s="9">
        <v>0</v>
      </c>
      <c r="K69" s="9">
        <v>0</v>
      </c>
      <c r="L69" s="9">
        <v>0</v>
      </c>
      <c r="M69" s="9">
        <v>0</v>
      </c>
      <c r="N69" s="9">
        <v>0</v>
      </c>
      <c r="O69" s="9">
        <v>0</v>
      </c>
      <c r="P69" s="9">
        <v>0</v>
      </c>
      <c r="Q69" s="9">
        <v>0</v>
      </c>
      <c r="R69" s="9">
        <v>0</v>
      </c>
      <c r="S69" s="9">
        <v>175.74</v>
      </c>
      <c r="T69" s="9">
        <v>0</v>
      </c>
      <c r="U69" s="52">
        <v>1293.1399999999999</v>
      </c>
      <c r="V69" s="42" t="s">
        <v>97</v>
      </c>
      <c r="W69" s="42" t="s">
        <v>28</v>
      </c>
      <c r="X69" s="38" t="s">
        <v>11</v>
      </c>
    </row>
    <row r="70" spans="1:24" ht="18.75" customHeight="1" x14ac:dyDescent="0.15">
      <c r="A70" s="38" t="s">
        <v>11</v>
      </c>
      <c r="B70" s="42" t="s">
        <v>28</v>
      </c>
      <c r="C70" s="42" t="s">
        <v>98</v>
      </c>
      <c r="D70" s="52">
        <v>653.29</v>
      </c>
      <c r="E70" s="52">
        <v>207.16</v>
      </c>
      <c r="F70" s="52">
        <v>3.92</v>
      </c>
      <c r="G70" s="9">
        <v>0</v>
      </c>
      <c r="H70" s="9">
        <v>0.43</v>
      </c>
      <c r="I70" s="9">
        <v>0</v>
      </c>
      <c r="J70" s="9">
        <v>0</v>
      </c>
      <c r="K70" s="9">
        <v>0</v>
      </c>
      <c r="L70" s="9">
        <v>0</v>
      </c>
      <c r="M70" s="9">
        <v>0</v>
      </c>
      <c r="N70" s="9">
        <v>0</v>
      </c>
      <c r="O70" s="9">
        <v>0</v>
      </c>
      <c r="P70" s="9">
        <v>0</v>
      </c>
      <c r="Q70" s="9">
        <v>27.58</v>
      </c>
      <c r="R70" s="9">
        <v>0</v>
      </c>
      <c r="S70" s="9">
        <v>119.6</v>
      </c>
      <c r="T70" s="9">
        <v>0</v>
      </c>
      <c r="U70" s="52">
        <v>1011.9799999999999</v>
      </c>
      <c r="V70" s="42" t="s">
        <v>98</v>
      </c>
      <c r="W70" s="42" t="s">
        <v>28</v>
      </c>
      <c r="X70" s="38" t="s">
        <v>11</v>
      </c>
    </row>
    <row r="71" spans="1:24" ht="18.75" customHeight="1" x14ac:dyDescent="0.15">
      <c r="A71" s="38" t="s">
        <v>11</v>
      </c>
      <c r="B71" s="42" t="s">
        <v>28</v>
      </c>
      <c r="C71" s="30" t="s">
        <v>27</v>
      </c>
      <c r="D71" s="52">
        <v>4169.66</v>
      </c>
      <c r="E71" s="52">
        <v>636.89</v>
      </c>
      <c r="F71" s="52">
        <v>34.56</v>
      </c>
      <c r="G71" s="9">
        <v>0</v>
      </c>
      <c r="H71" s="9">
        <v>4.7</v>
      </c>
      <c r="I71" s="9">
        <v>0</v>
      </c>
      <c r="J71" s="9">
        <v>0</v>
      </c>
      <c r="K71" s="9">
        <v>0</v>
      </c>
      <c r="L71" s="9">
        <v>0</v>
      </c>
      <c r="M71" s="9">
        <v>0</v>
      </c>
      <c r="N71" s="9">
        <v>0</v>
      </c>
      <c r="O71" s="9">
        <v>0</v>
      </c>
      <c r="P71" s="9">
        <v>0</v>
      </c>
      <c r="Q71" s="9">
        <v>178.89</v>
      </c>
      <c r="R71" s="9">
        <v>0</v>
      </c>
      <c r="S71" s="9">
        <v>390.97</v>
      </c>
      <c r="T71" s="9">
        <v>0</v>
      </c>
      <c r="U71" s="52">
        <v>5415.6699999999992</v>
      </c>
      <c r="V71" s="30" t="s">
        <v>27</v>
      </c>
      <c r="W71" s="42" t="s">
        <v>28</v>
      </c>
      <c r="X71" s="38" t="s">
        <v>11</v>
      </c>
    </row>
    <row r="72" spans="1:24" ht="18.75" customHeight="1" x14ac:dyDescent="0.15">
      <c r="A72" s="38" t="s">
        <v>11</v>
      </c>
      <c r="B72" s="48" t="s">
        <v>45</v>
      </c>
      <c r="C72" s="48" t="s">
        <v>99</v>
      </c>
      <c r="D72" s="17">
        <v>0</v>
      </c>
      <c r="E72" s="17">
        <v>61.7</v>
      </c>
      <c r="F72" s="17">
        <v>4.8099999999999996</v>
      </c>
      <c r="G72" s="17">
        <v>0</v>
      </c>
      <c r="H72" s="17">
        <v>0</v>
      </c>
      <c r="I72" s="17">
        <v>0</v>
      </c>
      <c r="J72" s="17">
        <v>0</v>
      </c>
      <c r="K72" s="17">
        <v>0</v>
      </c>
      <c r="L72" s="17">
        <v>0</v>
      </c>
      <c r="M72" s="17">
        <v>0</v>
      </c>
      <c r="N72" s="17">
        <v>0</v>
      </c>
      <c r="O72" s="17">
        <v>0</v>
      </c>
      <c r="P72" s="17">
        <v>0</v>
      </c>
      <c r="Q72" s="17">
        <v>95.41</v>
      </c>
      <c r="R72" s="17">
        <v>0</v>
      </c>
      <c r="S72" s="17">
        <v>0</v>
      </c>
      <c r="T72" s="17">
        <v>0</v>
      </c>
      <c r="U72" s="58">
        <v>161.92000000000002</v>
      </c>
      <c r="V72" s="48" t="s">
        <v>99</v>
      </c>
      <c r="W72" s="48" t="s">
        <v>45</v>
      </c>
      <c r="X72" s="38" t="s">
        <v>11</v>
      </c>
    </row>
    <row r="73" spans="1:24" ht="18.75" customHeight="1" x14ac:dyDescent="0.15">
      <c r="A73" s="38" t="s">
        <v>11</v>
      </c>
      <c r="B73" s="48" t="s">
        <v>46</v>
      </c>
      <c r="C73" s="42" t="s">
        <v>100</v>
      </c>
      <c r="D73" s="9">
        <v>24.08</v>
      </c>
      <c r="E73" s="9">
        <v>76.92</v>
      </c>
      <c r="F73" s="9">
        <v>14.38</v>
      </c>
      <c r="G73" s="9">
        <v>0</v>
      </c>
      <c r="H73" s="9">
        <v>0.94</v>
      </c>
      <c r="I73" s="9">
        <v>0</v>
      </c>
      <c r="J73" s="9">
        <v>0</v>
      </c>
      <c r="K73" s="9">
        <v>0</v>
      </c>
      <c r="L73" s="9">
        <v>0</v>
      </c>
      <c r="M73" s="9">
        <v>0</v>
      </c>
      <c r="N73" s="9">
        <v>0</v>
      </c>
      <c r="O73" s="9">
        <v>0</v>
      </c>
      <c r="P73" s="9">
        <v>0</v>
      </c>
      <c r="Q73" s="9">
        <v>65.44</v>
      </c>
      <c r="R73" s="9">
        <v>0</v>
      </c>
      <c r="S73" s="9">
        <v>403.89</v>
      </c>
      <c r="T73" s="9">
        <v>0</v>
      </c>
      <c r="U73" s="52">
        <v>585.65</v>
      </c>
      <c r="V73" s="42" t="s">
        <v>100</v>
      </c>
      <c r="W73" s="48" t="s">
        <v>46</v>
      </c>
      <c r="X73" s="38" t="s">
        <v>11</v>
      </c>
    </row>
    <row r="74" spans="1:24" ht="18.75" customHeight="1" x14ac:dyDescent="0.15">
      <c r="A74" s="38" t="s">
        <v>11</v>
      </c>
      <c r="B74" s="41" t="s">
        <v>47</v>
      </c>
      <c r="C74" s="61" t="s">
        <v>101</v>
      </c>
      <c r="D74" s="8">
        <v>0</v>
      </c>
      <c r="E74" s="8">
        <v>0.95</v>
      </c>
      <c r="F74" s="8">
        <v>1.1399999999999999</v>
      </c>
      <c r="G74" s="8">
        <v>0</v>
      </c>
      <c r="H74" s="8">
        <v>31.8</v>
      </c>
      <c r="I74" s="8">
        <v>0</v>
      </c>
      <c r="J74" s="8">
        <v>0</v>
      </c>
      <c r="K74" s="8">
        <v>0</v>
      </c>
      <c r="L74" s="8">
        <v>0</v>
      </c>
      <c r="M74" s="8">
        <v>0</v>
      </c>
      <c r="N74" s="8">
        <v>0</v>
      </c>
      <c r="O74" s="8">
        <v>0</v>
      </c>
      <c r="P74" s="8">
        <v>0</v>
      </c>
      <c r="Q74" s="8">
        <v>39.04</v>
      </c>
      <c r="R74" s="8">
        <v>0</v>
      </c>
      <c r="S74" s="8">
        <v>13.94</v>
      </c>
      <c r="T74" s="8">
        <v>0</v>
      </c>
      <c r="U74" s="51">
        <v>86.87</v>
      </c>
      <c r="V74" s="61" t="s">
        <v>101</v>
      </c>
      <c r="W74" s="41" t="s">
        <v>47</v>
      </c>
      <c r="X74" s="38" t="s">
        <v>11</v>
      </c>
    </row>
    <row r="75" spans="1:24" ht="18.75" customHeight="1" x14ac:dyDescent="0.15">
      <c r="A75" s="38" t="s">
        <v>11</v>
      </c>
      <c r="B75" s="46" t="s">
        <v>27</v>
      </c>
      <c r="C75" s="46" t="s">
        <v>27</v>
      </c>
      <c r="D75" s="57">
        <v>4193.74</v>
      </c>
      <c r="E75" s="57">
        <v>776.46</v>
      </c>
      <c r="F75" s="57">
        <v>54.890000000000008</v>
      </c>
      <c r="G75" s="16">
        <v>0</v>
      </c>
      <c r="H75" s="16">
        <v>37.44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  <c r="Q75" s="16">
        <v>378.78</v>
      </c>
      <c r="R75" s="16">
        <v>0</v>
      </c>
      <c r="S75" s="16">
        <v>808.80000000000007</v>
      </c>
      <c r="T75" s="16">
        <v>0</v>
      </c>
      <c r="U75" s="57">
        <v>6250.1099999999988</v>
      </c>
      <c r="V75" s="46" t="s">
        <v>27</v>
      </c>
      <c r="W75" s="46" t="s">
        <v>27</v>
      </c>
      <c r="X75" s="38" t="s">
        <v>11</v>
      </c>
    </row>
    <row r="76" spans="1:24" ht="18.75" customHeight="1" x14ac:dyDescent="0.15">
      <c r="A76" s="38" t="s">
        <v>12</v>
      </c>
      <c r="B76" s="40" t="s">
        <v>25</v>
      </c>
      <c r="C76" s="40" t="s">
        <v>102</v>
      </c>
      <c r="D76" s="52">
        <v>590.25</v>
      </c>
      <c r="E76" s="52">
        <v>800.69</v>
      </c>
      <c r="F76" s="52">
        <v>58.12</v>
      </c>
      <c r="G76" s="9">
        <v>29.88</v>
      </c>
      <c r="H76" s="9">
        <v>44</v>
      </c>
      <c r="I76" s="9">
        <v>0</v>
      </c>
      <c r="J76" s="9">
        <v>0</v>
      </c>
      <c r="K76" s="9">
        <v>4.08</v>
      </c>
      <c r="L76" s="9">
        <v>0</v>
      </c>
      <c r="M76" s="9">
        <v>0</v>
      </c>
      <c r="N76" s="9">
        <v>0</v>
      </c>
      <c r="O76" s="9">
        <v>0</v>
      </c>
      <c r="P76" s="9">
        <v>0</v>
      </c>
      <c r="Q76" s="9">
        <v>63.06</v>
      </c>
      <c r="R76" s="9">
        <v>0</v>
      </c>
      <c r="S76" s="9">
        <v>19.98</v>
      </c>
      <c r="T76" s="9">
        <v>0</v>
      </c>
      <c r="U76" s="52">
        <v>1610.06</v>
      </c>
      <c r="V76" s="40" t="s">
        <v>102</v>
      </c>
      <c r="W76" s="40" t="s">
        <v>25</v>
      </c>
      <c r="X76" s="38" t="s">
        <v>12</v>
      </c>
    </row>
    <row r="77" spans="1:24" ht="18.75" customHeight="1" x14ac:dyDescent="0.15">
      <c r="A77" s="38" t="s">
        <v>12</v>
      </c>
      <c r="B77" s="42" t="s">
        <v>25</v>
      </c>
      <c r="C77" s="42" t="s">
        <v>103</v>
      </c>
      <c r="D77" s="52">
        <v>4519.1099999999997</v>
      </c>
      <c r="E77" s="52">
        <v>283.44</v>
      </c>
      <c r="F77" s="52">
        <v>8.5299999999999994</v>
      </c>
      <c r="G77" s="9">
        <v>0</v>
      </c>
      <c r="H77" s="9">
        <v>0</v>
      </c>
      <c r="I77" s="9">
        <v>0</v>
      </c>
      <c r="J77" s="9">
        <v>0</v>
      </c>
      <c r="K77" s="9">
        <v>0</v>
      </c>
      <c r="L77" s="9">
        <v>0</v>
      </c>
      <c r="M77" s="9">
        <v>0</v>
      </c>
      <c r="N77" s="9">
        <v>0</v>
      </c>
      <c r="O77" s="9">
        <v>0</v>
      </c>
      <c r="P77" s="9">
        <v>0</v>
      </c>
      <c r="Q77" s="9">
        <v>0</v>
      </c>
      <c r="R77" s="9">
        <v>0</v>
      </c>
      <c r="S77" s="9">
        <v>115.78</v>
      </c>
      <c r="T77" s="9">
        <v>0</v>
      </c>
      <c r="U77" s="52">
        <v>4926.8599999999988</v>
      </c>
      <c r="V77" s="42" t="s">
        <v>103</v>
      </c>
      <c r="W77" s="42" t="s">
        <v>25</v>
      </c>
      <c r="X77" s="38" t="s">
        <v>12</v>
      </c>
    </row>
    <row r="78" spans="1:24" ht="18.75" customHeight="1" x14ac:dyDescent="0.15">
      <c r="A78" s="38" t="s">
        <v>12</v>
      </c>
      <c r="B78" s="42" t="s">
        <v>25</v>
      </c>
      <c r="C78" s="42" t="s">
        <v>104</v>
      </c>
      <c r="D78" s="52">
        <v>19045.03</v>
      </c>
      <c r="E78" s="52">
        <v>256.29000000000002</v>
      </c>
      <c r="F78" s="52">
        <v>6.98</v>
      </c>
      <c r="G78" s="9">
        <v>0</v>
      </c>
      <c r="H78" s="9">
        <v>0</v>
      </c>
      <c r="I78" s="9">
        <v>0.83</v>
      </c>
      <c r="J78" s="9">
        <v>0</v>
      </c>
      <c r="K78" s="9">
        <v>0</v>
      </c>
      <c r="L78" s="9">
        <v>0</v>
      </c>
      <c r="M78" s="9">
        <v>0</v>
      </c>
      <c r="N78" s="9">
        <v>8.16</v>
      </c>
      <c r="O78" s="9">
        <v>0</v>
      </c>
      <c r="P78" s="9">
        <v>0</v>
      </c>
      <c r="Q78" s="9">
        <v>0</v>
      </c>
      <c r="R78" s="9">
        <v>0</v>
      </c>
      <c r="S78" s="9">
        <v>545.33000000000004</v>
      </c>
      <c r="T78" s="9">
        <v>0</v>
      </c>
      <c r="U78" s="52">
        <v>19862.620000000003</v>
      </c>
      <c r="V78" s="42" t="s">
        <v>104</v>
      </c>
      <c r="W78" s="42" t="s">
        <v>25</v>
      </c>
      <c r="X78" s="38" t="s">
        <v>12</v>
      </c>
    </row>
    <row r="79" spans="1:24" ht="18.75" customHeight="1" x14ac:dyDescent="0.15">
      <c r="A79" s="38" t="s">
        <v>12</v>
      </c>
      <c r="B79" s="5" t="s">
        <v>27</v>
      </c>
      <c r="C79" s="30" t="s">
        <v>27</v>
      </c>
      <c r="D79" s="52">
        <v>24154.39</v>
      </c>
      <c r="E79" s="52">
        <v>1340.42</v>
      </c>
      <c r="F79" s="52">
        <v>73.63</v>
      </c>
      <c r="G79" s="9">
        <v>29.88</v>
      </c>
      <c r="H79" s="9">
        <v>44</v>
      </c>
      <c r="I79" s="9">
        <v>0.83</v>
      </c>
      <c r="J79" s="9">
        <v>0</v>
      </c>
      <c r="K79" s="9">
        <v>4.08</v>
      </c>
      <c r="L79" s="9">
        <v>0</v>
      </c>
      <c r="M79" s="9">
        <v>0</v>
      </c>
      <c r="N79" s="9">
        <v>8.16</v>
      </c>
      <c r="O79" s="9">
        <v>0</v>
      </c>
      <c r="P79" s="9">
        <v>0</v>
      </c>
      <c r="Q79" s="9">
        <v>63.06</v>
      </c>
      <c r="R79" s="9">
        <v>0</v>
      </c>
      <c r="S79" s="9">
        <v>681.09</v>
      </c>
      <c r="T79" s="9">
        <v>0</v>
      </c>
      <c r="U79" s="52">
        <v>26399.54</v>
      </c>
      <c r="V79" s="30" t="s">
        <v>27</v>
      </c>
      <c r="W79" s="5" t="s">
        <v>27</v>
      </c>
      <c r="X79" s="38" t="s">
        <v>12</v>
      </c>
    </row>
    <row r="80" spans="1:24" ht="18.75" customHeight="1" x14ac:dyDescent="0.15">
      <c r="A80" s="38" t="s">
        <v>12</v>
      </c>
      <c r="B80" s="41" t="s">
        <v>26</v>
      </c>
      <c r="C80" s="41" t="s">
        <v>105</v>
      </c>
      <c r="D80" s="51">
        <v>3359.42</v>
      </c>
      <c r="E80" s="51">
        <v>190.87</v>
      </c>
      <c r="F80" s="51">
        <v>1.01</v>
      </c>
      <c r="G80" s="8">
        <v>0</v>
      </c>
      <c r="H80" s="8">
        <v>0</v>
      </c>
      <c r="I80" s="8">
        <v>0</v>
      </c>
      <c r="J80" s="8">
        <v>0</v>
      </c>
      <c r="K80" s="8">
        <v>0</v>
      </c>
      <c r="L80" s="8">
        <v>0</v>
      </c>
      <c r="M80" s="8">
        <v>0</v>
      </c>
      <c r="N80" s="8">
        <v>0</v>
      </c>
      <c r="O80" s="8">
        <v>0</v>
      </c>
      <c r="P80" s="8">
        <v>0</v>
      </c>
      <c r="Q80" s="8">
        <v>0</v>
      </c>
      <c r="R80" s="8">
        <v>0</v>
      </c>
      <c r="S80" s="8">
        <v>9.61</v>
      </c>
      <c r="T80" s="8">
        <v>0</v>
      </c>
      <c r="U80" s="51">
        <v>3560.9100000000003</v>
      </c>
      <c r="V80" s="41" t="s">
        <v>105</v>
      </c>
      <c r="W80" s="41" t="s">
        <v>26</v>
      </c>
      <c r="X80" s="38" t="s">
        <v>12</v>
      </c>
    </row>
    <row r="81" spans="1:24" ht="18.75" customHeight="1" x14ac:dyDescent="0.15">
      <c r="A81" s="38" t="s">
        <v>12</v>
      </c>
      <c r="B81" s="42" t="s">
        <v>26</v>
      </c>
      <c r="C81" s="42" t="s">
        <v>106</v>
      </c>
      <c r="D81" s="52">
        <v>2149.4499999999998</v>
      </c>
      <c r="E81" s="52">
        <v>373.09</v>
      </c>
      <c r="F81" s="52">
        <v>13.02</v>
      </c>
      <c r="G81" s="9">
        <v>0</v>
      </c>
      <c r="H81" s="9">
        <v>0</v>
      </c>
      <c r="I81" s="9">
        <v>0</v>
      </c>
      <c r="J81" s="9">
        <v>0</v>
      </c>
      <c r="K81" s="9">
        <v>6.35</v>
      </c>
      <c r="L81" s="9">
        <v>0</v>
      </c>
      <c r="M81" s="9">
        <v>0</v>
      </c>
      <c r="N81" s="9">
        <v>0</v>
      </c>
      <c r="O81" s="9">
        <v>0</v>
      </c>
      <c r="P81" s="9">
        <v>0</v>
      </c>
      <c r="Q81" s="9">
        <v>0</v>
      </c>
      <c r="R81" s="9">
        <v>0</v>
      </c>
      <c r="S81" s="9">
        <v>0</v>
      </c>
      <c r="T81" s="9">
        <v>0</v>
      </c>
      <c r="U81" s="52">
        <v>2541.91</v>
      </c>
      <c r="V81" s="42" t="s">
        <v>106</v>
      </c>
      <c r="W81" s="42" t="s">
        <v>26</v>
      </c>
      <c r="X81" s="38" t="s">
        <v>12</v>
      </c>
    </row>
    <row r="82" spans="1:24" ht="18.75" customHeight="1" x14ac:dyDescent="0.15">
      <c r="A82" s="38" t="s">
        <v>12</v>
      </c>
      <c r="B82" s="10" t="s">
        <v>27</v>
      </c>
      <c r="C82" s="62" t="s">
        <v>27</v>
      </c>
      <c r="D82" s="53">
        <v>5508.87</v>
      </c>
      <c r="E82" s="53">
        <v>563.96</v>
      </c>
      <c r="F82" s="53">
        <v>14.03</v>
      </c>
      <c r="G82" s="11">
        <v>0</v>
      </c>
      <c r="H82" s="11">
        <v>0</v>
      </c>
      <c r="I82" s="11">
        <v>0</v>
      </c>
      <c r="J82" s="11">
        <v>0</v>
      </c>
      <c r="K82" s="11">
        <v>6.35</v>
      </c>
      <c r="L82" s="11">
        <v>0</v>
      </c>
      <c r="M82" s="11">
        <v>0</v>
      </c>
      <c r="N82" s="11">
        <v>0</v>
      </c>
      <c r="O82" s="11">
        <v>0</v>
      </c>
      <c r="P82" s="11">
        <v>0</v>
      </c>
      <c r="Q82" s="11">
        <v>0</v>
      </c>
      <c r="R82" s="11">
        <v>0</v>
      </c>
      <c r="S82" s="11">
        <v>9.61</v>
      </c>
      <c r="T82" s="11">
        <v>0</v>
      </c>
      <c r="U82" s="53">
        <v>6102.82</v>
      </c>
      <c r="V82" s="62" t="s">
        <v>27</v>
      </c>
      <c r="W82" s="10" t="s">
        <v>27</v>
      </c>
      <c r="X82" s="38" t="s">
        <v>12</v>
      </c>
    </row>
    <row r="83" spans="1:24" ht="18.75" customHeight="1" x14ac:dyDescent="0.15">
      <c r="A83" s="38" t="s">
        <v>12</v>
      </c>
      <c r="B83" s="41" t="s">
        <v>29</v>
      </c>
      <c r="C83" s="41" t="s">
        <v>107</v>
      </c>
      <c r="D83" s="51">
        <v>5445.51</v>
      </c>
      <c r="E83" s="51">
        <v>366.55</v>
      </c>
      <c r="F83" s="51">
        <v>6.17</v>
      </c>
      <c r="G83" s="8">
        <v>0</v>
      </c>
      <c r="H83" s="8">
        <v>0</v>
      </c>
      <c r="I83" s="8">
        <v>0</v>
      </c>
      <c r="J83" s="8">
        <v>0</v>
      </c>
      <c r="K83" s="8">
        <v>0</v>
      </c>
      <c r="L83" s="8">
        <v>0</v>
      </c>
      <c r="M83" s="8">
        <v>0</v>
      </c>
      <c r="N83" s="8">
        <v>0</v>
      </c>
      <c r="O83" s="8">
        <v>0</v>
      </c>
      <c r="P83" s="8">
        <v>0</v>
      </c>
      <c r="Q83" s="8">
        <v>0</v>
      </c>
      <c r="R83" s="8">
        <v>0</v>
      </c>
      <c r="S83" s="8">
        <v>0</v>
      </c>
      <c r="T83" s="8">
        <v>0</v>
      </c>
      <c r="U83" s="51">
        <v>5818.2300000000005</v>
      </c>
      <c r="V83" s="41" t="s">
        <v>107</v>
      </c>
      <c r="W83" s="41" t="s">
        <v>29</v>
      </c>
      <c r="X83" s="38" t="s">
        <v>12</v>
      </c>
    </row>
    <row r="84" spans="1:24" ht="18.75" customHeight="1" x14ac:dyDescent="0.15">
      <c r="A84" s="38" t="s">
        <v>12</v>
      </c>
      <c r="B84" s="42" t="s">
        <v>29</v>
      </c>
      <c r="C84" s="42" t="s">
        <v>108</v>
      </c>
      <c r="D84" s="52">
        <v>9666.14</v>
      </c>
      <c r="E84" s="52">
        <v>397.56</v>
      </c>
      <c r="F84" s="52">
        <v>4.3600000000000003</v>
      </c>
      <c r="G84" s="9">
        <v>0</v>
      </c>
      <c r="H84" s="9">
        <v>0</v>
      </c>
      <c r="I84" s="9">
        <v>0</v>
      </c>
      <c r="J84" s="9">
        <v>0</v>
      </c>
      <c r="K84" s="9">
        <v>0</v>
      </c>
      <c r="L84" s="9">
        <v>0</v>
      </c>
      <c r="M84" s="9">
        <v>0</v>
      </c>
      <c r="N84" s="9">
        <v>0</v>
      </c>
      <c r="O84" s="9">
        <v>0</v>
      </c>
      <c r="P84" s="9">
        <v>0</v>
      </c>
      <c r="Q84" s="9">
        <v>0</v>
      </c>
      <c r="R84" s="9">
        <v>0</v>
      </c>
      <c r="S84" s="9">
        <v>23.84</v>
      </c>
      <c r="T84" s="9">
        <v>0</v>
      </c>
      <c r="U84" s="52">
        <v>10091.9</v>
      </c>
      <c r="V84" s="42" t="s">
        <v>108</v>
      </c>
      <c r="W84" s="42" t="s">
        <v>29</v>
      </c>
      <c r="X84" s="38" t="s">
        <v>12</v>
      </c>
    </row>
    <row r="85" spans="1:24" ht="18.75" customHeight="1" x14ac:dyDescent="0.15">
      <c r="A85" s="38" t="s">
        <v>12</v>
      </c>
      <c r="B85" s="5" t="s">
        <v>27</v>
      </c>
      <c r="C85" s="63" t="s">
        <v>27</v>
      </c>
      <c r="D85" s="52">
        <v>15111.65</v>
      </c>
      <c r="E85" s="52">
        <v>764.11</v>
      </c>
      <c r="F85" s="52">
        <v>10.530000000000001</v>
      </c>
      <c r="G85" s="9">
        <v>0</v>
      </c>
      <c r="H85" s="9">
        <v>0</v>
      </c>
      <c r="I85" s="9">
        <v>0</v>
      </c>
      <c r="J85" s="9">
        <v>0</v>
      </c>
      <c r="K85" s="9">
        <v>0</v>
      </c>
      <c r="L85" s="9">
        <v>0</v>
      </c>
      <c r="M85" s="9">
        <v>0</v>
      </c>
      <c r="N85" s="9">
        <v>0</v>
      </c>
      <c r="O85" s="9">
        <v>0</v>
      </c>
      <c r="P85" s="9">
        <v>0</v>
      </c>
      <c r="Q85" s="9">
        <v>0</v>
      </c>
      <c r="R85" s="9">
        <v>0</v>
      </c>
      <c r="S85" s="9">
        <v>23.84</v>
      </c>
      <c r="T85" s="9">
        <v>0</v>
      </c>
      <c r="U85" s="52">
        <v>15910.130000000001</v>
      </c>
      <c r="V85" s="63" t="s">
        <v>27</v>
      </c>
      <c r="W85" s="5" t="s">
        <v>27</v>
      </c>
      <c r="X85" s="38" t="s">
        <v>12</v>
      </c>
    </row>
    <row r="86" spans="1:24" ht="18.75" customHeight="1" x14ac:dyDescent="0.15">
      <c r="A86" s="38" t="s">
        <v>12</v>
      </c>
      <c r="B86" s="46" t="s">
        <v>27</v>
      </c>
      <c r="C86" s="46" t="s">
        <v>27</v>
      </c>
      <c r="D86" s="57">
        <v>44774.91</v>
      </c>
      <c r="E86" s="57">
        <v>2668.4900000000002</v>
      </c>
      <c r="F86" s="57">
        <v>98.19</v>
      </c>
      <c r="G86" s="16">
        <v>29.88</v>
      </c>
      <c r="H86" s="16">
        <v>44</v>
      </c>
      <c r="I86" s="16">
        <v>0.83</v>
      </c>
      <c r="J86" s="16">
        <v>0</v>
      </c>
      <c r="K86" s="16">
        <v>10.43</v>
      </c>
      <c r="L86" s="16">
        <v>0</v>
      </c>
      <c r="M86" s="16">
        <v>0</v>
      </c>
      <c r="N86" s="16">
        <v>8.16</v>
      </c>
      <c r="O86" s="16">
        <v>0</v>
      </c>
      <c r="P86" s="16">
        <v>0</v>
      </c>
      <c r="Q86" s="16">
        <v>63.06</v>
      </c>
      <c r="R86" s="16">
        <v>0</v>
      </c>
      <c r="S86" s="16">
        <v>714.54000000000008</v>
      </c>
      <c r="T86" s="16">
        <v>0</v>
      </c>
      <c r="U86" s="57">
        <v>48412.490000000005</v>
      </c>
      <c r="V86" s="46" t="s">
        <v>27</v>
      </c>
      <c r="W86" s="46" t="s">
        <v>27</v>
      </c>
      <c r="X86" s="38" t="s">
        <v>12</v>
      </c>
    </row>
    <row r="87" spans="1:24" ht="18.75" customHeight="1" x14ac:dyDescent="0.15">
      <c r="A87" s="39" t="s">
        <v>48</v>
      </c>
      <c r="B87" s="39" t="s">
        <v>48</v>
      </c>
      <c r="C87" s="39" t="s">
        <v>48</v>
      </c>
      <c r="D87" s="55">
        <v>149763.15000000002</v>
      </c>
      <c r="E87" s="55">
        <v>12160.319999999998</v>
      </c>
      <c r="F87" s="55">
        <v>1198.24</v>
      </c>
      <c r="G87" s="13">
        <v>108.8</v>
      </c>
      <c r="H87" s="13">
        <v>396.84000000000003</v>
      </c>
      <c r="I87" s="13">
        <v>0.83</v>
      </c>
      <c r="J87" s="13">
        <v>0</v>
      </c>
      <c r="K87" s="13">
        <v>74</v>
      </c>
      <c r="L87" s="13">
        <v>0</v>
      </c>
      <c r="M87" s="13">
        <v>0</v>
      </c>
      <c r="N87" s="13">
        <v>139.14999999999998</v>
      </c>
      <c r="O87" s="13">
        <v>143.1</v>
      </c>
      <c r="P87" s="13">
        <v>8.83</v>
      </c>
      <c r="Q87" s="55">
        <v>1294.8599999999999</v>
      </c>
      <c r="R87" s="13">
        <v>0</v>
      </c>
      <c r="S87" s="55">
        <v>5943.13</v>
      </c>
      <c r="T87" s="13">
        <v>478.29</v>
      </c>
      <c r="U87" s="55">
        <v>171709.54</v>
      </c>
      <c r="V87" s="39" t="s">
        <v>48</v>
      </c>
      <c r="W87" s="39" t="s">
        <v>48</v>
      </c>
      <c r="X87" s="39" t="s">
        <v>48</v>
      </c>
    </row>
    <row r="88" spans="1:24" ht="18.75" customHeight="1" x14ac:dyDescent="0.15">
      <c r="B88" s="46"/>
    </row>
    <row r="89" spans="1:24" x14ac:dyDescent="0.15">
      <c r="B89" s="49"/>
    </row>
    <row r="90" spans="1:24" x14ac:dyDescent="0.15">
      <c r="B90" s="24"/>
      <c r="C90" s="3"/>
    </row>
  </sheetData>
  <phoneticPr fontId="1"/>
  <pageMargins left="0.78740157480314965" right="0.78740157480314965" top="1.1811023622047245" bottom="0.31496062992125984" header="0.62992125984251968" footer="0.51181102362204722"/>
  <pageSetup paperSize="9" scale="86" fitToHeight="0" pageOrder="overThenDown" orientation="portrait" r:id="rId1"/>
  <headerFooter differentFirst="1" scaleWithDoc="0" alignWithMargins="0">
    <firstHeader>&amp;L&amp;"ＭＳ 明朝,標準"&amp;18  7. 制限林現況表&amp;22
　　&amp;12(1) 保安林</firstHeader>
  </headerFooter>
  <colBreaks count="1" manualBreakCount="1">
    <brk id="12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7(1)</vt:lpstr>
      <vt:lpstr>'7(1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ck</dc:creator>
  <cp:lastModifiedBy>Windows ユーザー</cp:lastModifiedBy>
  <cp:lastPrinted>2018-09-14T02:52:21Z</cp:lastPrinted>
  <dcterms:created xsi:type="dcterms:W3CDTF">2001-11-15T07:49:57Z</dcterms:created>
  <dcterms:modified xsi:type="dcterms:W3CDTF">2019-08-28T00:52:04Z</dcterms:modified>
</cp:coreProperties>
</file>